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630" yWindow="420" windowWidth="10970" windowHeight="12360"/>
  </bookViews>
  <sheets>
    <sheet name="福祉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65" uniqueCount="701">
  <si>
    <t>事業種別</t>
    <rPh sb="0" eb="2">
      <t>ジギョウ</t>
    </rPh>
    <rPh sb="2" eb="4">
      <t>シュベツ</t>
    </rPh>
    <phoneticPr fontId="2"/>
  </si>
  <si>
    <t>【</t>
    <phoneticPr fontId="2"/>
  </si>
  <si>
    <t>福祉型障害児入所施設</t>
    <rPh sb="0" eb="3">
      <t>フクシガタ</t>
    </rPh>
    <rPh sb="3" eb="6">
      <t>ショウガイジ</t>
    </rPh>
    <rPh sb="6" eb="8">
      <t>ニュウショ</t>
    </rPh>
    <rPh sb="8" eb="10">
      <t>シセツ</t>
    </rPh>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1</t>
    <phoneticPr fontId="2"/>
  </si>
  <si>
    <t>点検者</t>
    <rPh sb="0" eb="2">
      <t>テンケン</t>
    </rPh>
    <rPh sb="2" eb="3">
      <t>シャ</t>
    </rPh>
    <phoneticPr fontId="2"/>
  </si>
  <si>
    <t>施設長</t>
    <rPh sb="0" eb="2">
      <t>シセツ</t>
    </rPh>
    <rPh sb="2" eb="3">
      <t>チョウ</t>
    </rPh>
    <phoneticPr fontId="2"/>
  </si>
  <si>
    <t>※2</t>
    <phoneticPr fontId="2"/>
  </si>
  <si>
    <t>原則、施設長が点検者です。</t>
    <rPh sb="3" eb="5">
      <t>シセツ</t>
    </rPh>
    <rPh sb="5" eb="6">
      <t>チョウ</t>
    </rPh>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従業員の員数</t>
    <rPh sb="0" eb="3">
      <t>ジュウギョウイン</t>
    </rPh>
    <rPh sb="4" eb="6">
      <t>インスウ</t>
    </rPh>
    <phoneticPr fontId="2"/>
  </si>
  <si>
    <t>→</t>
    <phoneticPr fontId="2"/>
  </si>
  <si>
    <t>添付</t>
    <rPh sb="0" eb="2">
      <t>テンプ</t>
    </rPh>
    <phoneticPr fontId="2"/>
  </si>
  <si>
    <t>主として知的障害のある児童又は自閉症児を入所させる福祉型障害児入所施設</t>
    <phoneticPr fontId="2"/>
  </si>
  <si>
    <t>主として盲児又はろうあ児を入所させる福祉型障害児入所施設</t>
    <phoneticPr fontId="2"/>
  </si>
  <si>
    <t>主として、自閉症を主たる症状とする知的障害のある児童を入所させる施設</t>
    <phoneticPr fontId="2"/>
  </si>
  <si>
    <t>主として、肢体不自由のある児童を入所させる施設</t>
    <phoneticPr fontId="2"/>
  </si>
  <si>
    <t>主として知的障害のある児童又は自閉症児を入所させる施設</t>
    <phoneticPr fontId="2"/>
  </si>
  <si>
    <t>主として盲児又はろうあ児を入所させる施設</t>
    <rPh sb="4" eb="5">
      <t>モウ</t>
    </rPh>
    <rPh sb="5" eb="6">
      <t>ジ</t>
    </rPh>
    <rPh sb="6" eb="7">
      <t>マタ</t>
    </rPh>
    <rPh sb="11" eb="12">
      <t>ジ</t>
    </rPh>
    <phoneticPr fontId="2"/>
  </si>
  <si>
    <t>主として肢体不自由のある児童を入所させる施設</t>
    <phoneticPr fontId="2"/>
  </si>
  <si>
    <t>通じておおむね障害児の数を3.5で除して得た数以上</t>
    <phoneticPr fontId="2"/>
  </si>
  <si>
    <t>児童発達支援管理責任者氏名</t>
    <rPh sb="0" eb="2">
      <t>ジドウ</t>
    </rPh>
    <rPh sb="2" eb="4">
      <t>ハッタツ</t>
    </rPh>
    <rPh sb="4" eb="6">
      <t>シエン</t>
    </rPh>
    <rPh sb="6" eb="8">
      <t>カンリ</t>
    </rPh>
    <rPh sb="8" eb="10">
      <t>セキニン</t>
    </rPh>
    <rPh sb="10" eb="11">
      <t>シャ</t>
    </rPh>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t>
    <phoneticPr fontId="2"/>
  </si>
  <si>
    <t>職務の専従</t>
    <phoneticPr fontId="2"/>
  </si>
  <si>
    <t>ただし、障害児の支援に支障がない場合は、栄養士及び調理員については、併せて設置する他の社会福祉施設の職務に従事させることができる。</t>
  </si>
  <si>
    <t>設備</t>
    <phoneticPr fontId="2"/>
  </si>
  <si>
    <t>＜福祉型障害児入所施設の場合＞</t>
    <rPh sb="1" eb="4">
      <t>フクシガタ</t>
    </rPh>
    <rPh sb="4" eb="7">
      <t>ショウガイジ</t>
    </rPh>
    <rPh sb="7" eb="9">
      <t>ニュウショ</t>
    </rPh>
    <rPh sb="9" eb="11">
      <t>シセツ</t>
    </rPh>
    <rPh sb="12" eb="14">
      <t>バアイ</t>
    </rPh>
    <phoneticPr fontId="2"/>
  </si>
  <si>
    <t>ただし、30人未満の障害児を入所させる施設は以下の設備を設けないことができる。</t>
    <rPh sb="6" eb="7">
      <t>ニン</t>
    </rPh>
    <rPh sb="7" eb="9">
      <t>ミマン</t>
    </rPh>
    <rPh sb="10" eb="12">
      <t>ショウガイ</t>
    </rPh>
    <rPh sb="14" eb="16">
      <t>ニュウショ</t>
    </rPh>
    <rPh sb="19" eb="21">
      <t>シセツ</t>
    </rPh>
    <rPh sb="22" eb="24">
      <t>イカ</t>
    </rPh>
    <rPh sb="25" eb="27">
      <t>セツビ</t>
    </rPh>
    <rPh sb="28" eb="29">
      <t>モウ</t>
    </rPh>
    <phoneticPr fontId="2"/>
  </si>
  <si>
    <t>主として知的障害の場合</t>
    <rPh sb="0" eb="1">
      <t>シュ</t>
    </rPh>
    <rPh sb="4" eb="6">
      <t>チテキ</t>
    </rPh>
    <rPh sb="6" eb="8">
      <t>ショウガイ</t>
    </rPh>
    <rPh sb="9" eb="11">
      <t>バアイ</t>
    </rPh>
    <phoneticPr fontId="2"/>
  </si>
  <si>
    <t>医務室</t>
    <rPh sb="0" eb="3">
      <t>イムシツ</t>
    </rPh>
    <phoneticPr fontId="2"/>
  </si>
  <si>
    <t>医務室、静養室</t>
    <rPh sb="0" eb="3">
      <t>イムシツ</t>
    </rPh>
    <rPh sb="4" eb="6">
      <t>セイヨウ</t>
    </rPh>
    <rPh sb="6" eb="7">
      <t>シツ</t>
    </rPh>
    <phoneticPr fontId="2"/>
  </si>
  <si>
    <t>居室の基準</t>
    <rPh sb="0" eb="2">
      <t>キョシツ</t>
    </rPh>
    <rPh sb="3" eb="5">
      <t>キジュン</t>
    </rPh>
    <phoneticPr fontId="2"/>
  </si>
  <si>
    <t>居室</t>
    <rPh sb="0" eb="2">
      <t>キョシツ</t>
    </rPh>
    <phoneticPr fontId="2"/>
  </si>
  <si>
    <t>入所している障害児の年齢等に応じ、男子と女子の居室を別にする。</t>
    <phoneticPr fontId="2"/>
  </si>
  <si>
    <t>主として知的障害児</t>
    <rPh sb="0" eb="1">
      <t>シュ</t>
    </rPh>
    <rPh sb="4" eb="6">
      <t>チテキ</t>
    </rPh>
    <rPh sb="6" eb="9">
      <t>ショウガイジ</t>
    </rPh>
    <phoneticPr fontId="2"/>
  </si>
  <si>
    <t>年齢、適性に応じた職業指導に必要な設備　　　　　　</t>
    <phoneticPr fontId="2"/>
  </si>
  <si>
    <t>主として盲児</t>
    <rPh sb="0" eb="1">
      <t>シュ</t>
    </rPh>
    <rPh sb="4" eb="5">
      <t>メクラ</t>
    </rPh>
    <rPh sb="5" eb="6">
      <t>コ</t>
    </rPh>
    <phoneticPr fontId="2"/>
  </si>
  <si>
    <t>遊戯室、訓練室、職業指導に必要な設備、音楽に関する設備、浴室・便所の手すり、特殊表示等身体の機能の不自由を補う設備　　　　　　　　　　　　　　</t>
    <rPh sb="53" eb="54">
      <t>オギナ</t>
    </rPh>
    <phoneticPr fontId="2"/>
  </si>
  <si>
    <t>主としてろうあ児</t>
    <rPh sb="0" eb="1">
      <t>シュ</t>
    </rPh>
    <rPh sb="7" eb="8">
      <t>コ</t>
    </rPh>
    <phoneticPr fontId="2"/>
  </si>
  <si>
    <t>遊戯室、訓練室、職業指導に必要な設備、映像に関する設備　</t>
    <phoneticPr fontId="2"/>
  </si>
  <si>
    <t>主として肢体不自由児</t>
    <rPh sb="0" eb="1">
      <t>シュ</t>
    </rPh>
    <rPh sb="4" eb="6">
      <t>シタイ</t>
    </rPh>
    <rPh sb="6" eb="9">
      <t>フジユウ</t>
    </rPh>
    <rPh sb="9" eb="10">
      <t>ジ</t>
    </rPh>
    <phoneticPr fontId="2"/>
  </si>
  <si>
    <t>訓練室、屋外訓練場、浴室・便所の手すり等身体の機能の不自由を補う設備</t>
    <rPh sb="30" eb="31">
      <t>オギナ</t>
    </rPh>
    <phoneticPr fontId="2"/>
  </si>
  <si>
    <t>ただし、 障害児の支援に支障がない場合は、居室以外の設備については、併せて設置する他の社会福祉施設の設備に兼ねることができる。</t>
    <phoneticPr fontId="2"/>
  </si>
  <si>
    <t>内容及び手続の説明及び同意</t>
    <phoneticPr fontId="2"/>
  </si>
  <si>
    <t>事故発生時の対応</t>
    <phoneticPr fontId="2"/>
  </si>
  <si>
    <t>提供拒否の禁止</t>
    <phoneticPr fontId="2"/>
  </si>
  <si>
    <t>正当な理由</t>
    <rPh sb="0" eb="2">
      <t>セイトウ</t>
    </rPh>
    <rPh sb="3" eb="5">
      <t>リユウ</t>
    </rPh>
    <phoneticPr fontId="2"/>
  </si>
  <si>
    <t>入所定員を超える利用申込みがあった場合</t>
    <rPh sb="0" eb="2">
      <t>ニュウショ</t>
    </rPh>
    <phoneticPr fontId="2"/>
  </si>
  <si>
    <t>件</t>
    <rPh sb="0" eb="1">
      <t>ケン</t>
    </rPh>
    <phoneticPr fontId="2"/>
  </si>
  <si>
    <t>入院治療の必要がある場合</t>
    <rPh sb="2" eb="4">
      <t>チリョウ</t>
    </rPh>
    <phoneticPr fontId="2"/>
  </si>
  <si>
    <t>主たる対象とする障害の種類が異なる場合</t>
    <rPh sb="0" eb="1">
      <t>シュ</t>
    </rPh>
    <rPh sb="3" eb="5">
      <t>タイショウ</t>
    </rPh>
    <rPh sb="8" eb="10">
      <t>ショウガイ</t>
    </rPh>
    <rPh sb="11" eb="13">
      <t>シュルイ</t>
    </rPh>
    <rPh sb="14" eb="15">
      <t>コト</t>
    </rPh>
    <rPh sb="17" eb="19">
      <t>バアイ</t>
    </rPh>
    <phoneticPr fontId="2"/>
  </si>
  <si>
    <t>その他障害児に対し自ら適切な指定入所支援を提供することが困難な場合</t>
    <phoneticPr fontId="2"/>
  </si>
  <si>
    <t>あっせん、調整及び要請に対する協力</t>
    <rPh sb="5" eb="7">
      <t>チョウセイ</t>
    </rPh>
    <rPh sb="7" eb="8">
      <t>オヨ</t>
    </rPh>
    <rPh sb="9" eb="11">
      <t>ヨウセイ</t>
    </rPh>
    <rPh sb="12" eb="13">
      <t>タイ</t>
    </rPh>
    <rPh sb="15" eb="17">
      <t>キョウリョク</t>
    </rPh>
    <phoneticPr fontId="2"/>
  </si>
  <si>
    <t>サービス提供困難時の対応</t>
    <rPh sb="4" eb="6">
      <t>テイキョウ</t>
    </rPh>
    <rPh sb="6" eb="8">
      <t>コンナン</t>
    </rPh>
    <rPh sb="8" eb="9">
      <t>ジ</t>
    </rPh>
    <rPh sb="10" eb="12">
      <t>タイオウ</t>
    </rPh>
    <phoneticPr fontId="2"/>
  </si>
  <si>
    <t>受給資格の確認</t>
    <phoneticPr fontId="2"/>
  </si>
  <si>
    <t>障害児入所給付費の支給の申請に係る援助</t>
    <rPh sb="0" eb="2">
      <t>ショウガイ</t>
    </rPh>
    <rPh sb="3" eb="5">
      <t>ニュウショ</t>
    </rPh>
    <rPh sb="5" eb="7">
      <t>キュウフ</t>
    </rPh>
    <phoneticPr fontId="2"/>
  </si>
  <si>
    <t>心身の状況等の把握　</t>
    <phoneticPr fontId="2"/>
  </si>
  <si>
    <t>居住地変更が見込まれる者への対応</t>
    <rPh sb="0" eb="3">
      <t>キョジュウチ</t>
    </rPh>
    <rPh sb="3" eb="5">
      <t>ヘンコウ</t>
    </rPh>
    <rPh sb="6" eb="8">
      <t>ミコ</t>
    </rPh>
    <rPh sb="11" eb="12">
      <t>モノ</t>
    </rPh>
    <rPh sb="14" eb="16">
      <t>タイオウ</t>
    </rPh>
    <phoneticPr fontId="2"/>
  </si>
  <si>
    <t>入退所の記録の記載等</t>
    <phoneticPr fontId="2"/>
  </si>
  <si>
    <t>サービスの提供の記録　</t>
    <phoneticPr fontId="2"/>
  </si>
  <si>
    <t>当該指定障害児入所支援の提供日</t>
    <rPh sb="9" eb="11">
      <t>シエン</t>
    </rPh>
    <phoneticPr fontId="2"/>
  </si>
  <si>
    <t>提供したサービスの具体的内容</t>
    <phoneticPr fontId="2"/>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2"/>
  </si>
  <si>
    <t>入所給付決定保護者に求めることのできる金銭の支払の範囲等</t>
    <rPh sb="0" eb="2">
      <t>ニュウショ</t>
    </rPh>
    <phoneticPr fontId="2"/>
  </si>
  <si>
    <t>入所利用者負担額等の受領　</t>
    <rPh sb="0" eb="2">
      <t>ニュウショ</t>
    </rPh>
    <phoneticPr fontId="2"/>
  </si>
  <si>
    <t>日用品費</t>
    <rPh sb="0" eb="3">
      <t>ニチヨウヒン</t>
    </rPh>
    <rPh sb="3" eb="4">
      <t>ヒ</t>
    </rPh>
    <phoneticPr fontId="2"/>
  </si>
  <si>
    <t>入所利用者負担額に係る管理　</t>
    <rPh sb="0" eb="2">
      <t>ニュウショ</t>
    </rPh>
    <rPh sb="2" eb="4">
      <t>リヨウ</t>
    </rPh>
    <rPh sb="4" eb="5">
      <t>シャ</t>
    </rPh>
    <rPh sb="5" eb="7">
      <t>フタン</t>
    </rPh>
    <phoneticPr fontId="2"/>
  </si>
  <si>
    <t>障害児入所給付費の額に係る通知等　</t>
    <rPh sb="3" eb="5">
      <t>ニュウショ</t>
    </rPh>
    <rPh sb="5" eb="7">
      <t>キュウフ</t>
    </rPh>
    <phoneticPr fontId="2"/>
  </si>
  <si>
    <t>指定入所支援の取扱方針　</t>
    <rPh sb="0" eb="2">
      <t>シテイ</t>
    </rPh>
    <rPh sb="2" eb="4">
      <t>ニュウショ</t>
    </rPh>
    <rPh sb="4" eb="6">
      <t>シエン</t>
    </rPh>
    <rPh sb="7" eb="9">
      <t>トリアツカイ</t>
    </rPh>
    <rPh sb="9" eb="11">
      <t>ホウシン</t>
    </rPh>
    <phoneticPr fontId="2"/>
  </si>
  <si>
    <t>入所支援計画の作成等　</t>
    <rPh sb="0" eb="2">
      <t>ニュウショ</t>
    </rPh>
    <rPh sb="2" eb="4">
      <t>シエン</t>
    </rPh>
    <rPh sb="4" eb="6">
      <t>ケイカク</t>
    </rPh>
    <rPh sb="7" eb="9">
      <t>サクセイ</t>
    </rPh>
    <rPh sb="9" eb="10">
      <t>トウ</t>
    </rPh>
    <phoneticPr fontId="2"/>
  </si>
  <si>
    <t>アセスメントでの把握事項</t>
    <rPh sb="8" eb="10">
      <t>ハアク</t>
    </rPh>
    <rPh sb="10" eb="12">
      <t>ジコウ</t>
    </rPh>
    <phoneticPr fontId="2"/>
  </si>
  <si>
    <t>有する能力</t>
    <rPh sb="0" eb="1">
      <t>ユウ</t>
    </rPh>
    <rPh sb="3" eb="5">
      <t>ノウリョク</t>
    </rPh>
    <phoneticPr fontId="2"/>
  </si>
  <si>
    <t>置かれている環境</t>
    <rPh sb="0" eb="1">
      <t>オ</t>
    </rPh>
    <rPh sb="6" eb="8">
      <t>カンキョウ</t>
    </rPh>
    <phoneticPr fontId="2"/>
  </si>
  <si>
    <t>日常生活全般の状況</t>
    <rPh sb="0" eb="2">
      <t>ニチジョウ</t>
    </rPh>
    <rPh sb="2" eb="4">
      <t>セイカツ</t>
    </rPh>
    <rPh sb="4" eb="6">
      <t>ゼンパン</t>
    </rPh>
    <rPh sb="7" eb="9">
      <t>ジョウキョウ</t>
    </rPh>
    <phoneticPr fontId="2"/>
  </si>
  <si>
    <t>入所給付決定保護者及び障害児の希望する生活</t>
    <rPh sb="0" eb="2">
      <t>ニュウショ</t>
    </rPh>
    <rPh sb="2" eb="4">
      <t>キュウフ</t>
    </rPh>
    <rPh sb="4" eb="6">
      <t>ケッテイ</t>
    </rPh>
    <rPh sb="6" eb="9">
      <t>ホゴシャ</t>
    </rPh>
    <rPh sb="9" eb="10">
      <t>オヨ</t>
    </rPh>
    <rPh sb="11" eb="14">
      <t>ショウガイジ</t>
    </rPh>
    <rPh sb="15" eb="17">
      <t>キボウ</t>
    </rPh>
    <rPh sb="19" eb="21">
      <t>セイカツ</t>
    </rPh>
    <phoneticPr fontId="2"/>
  </si>
  <si>
    <t>課題</t>
    <rPh sb="0" eb="2">
      <t>カダイ</t>
    </rPh>
    <phoneticPr fontId="2"/>
  </si>
  <si>
    <t>計画記載事項</t>
    <rPh sb="0" eb="2">
      <t>ケイカク</t>
    </rPh>
    <rPh sb="2" eb="4">
      <t>キサイ</t>
    </rPh>
    <rPh sb="4" eb="6">
      <t>ジコウ</t>
    </rPh>
    <phoneticPr fontId="2"/>
  </si>
  <si>
    <t>入所給付決定保護者及び障害児の生活に対する意向</t>
    <rPh sb="0" eb="2">
      <t>ニュウショ</t>
    </rPh>
    <rPh sb="2" eb="4">
      <t>キュウフ</t>
    </rPh>
    <rPh sb="4" eb="6">
      <t>ケッテイ</t>
    </rPh>
    <rPh sb="6" eb="9">
      <t>ホゴシャ</t>
    </rPh>
    <rPh sb="9" eb="10">
      <t>オヨ</t>
    </rPh>
    <rPh sb="11" eb="14">
      <t>ショウガイジ</t>
    </rPh>
    <rPh sb="15" eb="17">
      <t>セイカツ</t>
    </rPh>
    <rPh sb="18" eb="19">
      <t>タイ</t>
    </rPh>
    <rPh sb="21" eb="23">
      <t>イコウ</t>
    </rPh>
    <phoneticPr fontId="2"/>
  </si>
  <si>
    <t>総合的な支援目標及びその達成時期</t>
    <rPh sb="0" eb="3">
      <t>ソウゴウテキ</t>
    </rPh>
    <rPh sb="4" eb="6">
      <t>シエン</t>
    </rPh>
    <rPh sb="6" eb="8">
      <t>モクヒョウ</t>
    </rPh>
    <rPh sb="8" eb="9">
      <t>オヨ</t>
    </rPh>
    <rPh sb="12" eb="14">
      <t>タッセイ</t>
    </rPh>
    <rPh sb="14" eb="16">
      <t>ジキ</t>
    </rPh>
    <phoneticPr fontId="2"/>
  </si>
  <si>
    <t>生活全般の質を向上させるための課題</t>
    <rPh sb="0" eb="2">
      <t>セイカツ</t>
    </rPh>
    <rPh sb="2" eb="4">
      <t>ゼンパン</t>
    </rPh>
    <rPh sb="5" eb="6">
      <t>シツ</t>
    </rPh>
    <rPh sb="7" eb="9">
      <t>コウジョウ</t>
    </rPh>
    <rPh sb="15" eb="17">
      <t>カダイ</t>
    </rPh>
    <phoneticPr fontId="2"/>
  </si>
  <si>
    <t>指定入所支援の具体的内容</t>
    <rPh sb="0" eb="2">
      <t>シテイ</t>
    </rPh>
    <rPh sb="2" eb="4">
      <t>ニュウショ</t>
    </rPh>
    <rPh sb="4" eb="6">
      <t>シエン</t>
    </rPh>
    <rPh sb="7" eb="10">
      <t>グタイテキ</t>
    </rPh>
    <rPh sb="10" eb="12">
      <t>ナイヨウ</t>
    </rPh>
    <phoneticPr fontId="2"/>
  </si>
  <si>
    <t>指定入所支援を提供する上での留意事項等</t>
    <rPh sb="0" eb="2">
      <t>シテイ</t>
    </rPh>
    <rPh sb="2" eb="4">
      <t>ニュウショ</t>
    </rPh>
    <rPh sb="4" eb="6">
      <t>シエン</t>
    </rPh>
    <rPh sb="7" eb="9">
      <t>テイキョウ</t>
    </rPh>
    <rPh sb="11" eb="12">
      <t>ウエ</t>
    </rPh>
    <rPh sb="14" eb="16">
      <t>リュウイ</t>
    </rPh>
    <rPh sb="16" eb="18">
      <t>ジコウ</t>
    </rPh>
    <rPh sb="18" eb="19">
      <t>トウ</t>
    </rPh>
    <phoneticPr fontId="2"/>
  </si>
  <si>
    <t>その他必要な事項</t>
    <rPh sb="2" eb="3">
      <t>タ</t>
    </rPh>
    <rPh sb="3" eb="5">
      <t>ヒツヨウ</t>
    </rPh>
    <rPh sb="6" eb="8">
      <t>ジコウ</t>
    </rPh>
    <phoneticPr fontId="2"/>
  </si>
  <si>
    <t>モニタリング注意点</t>
    <rPh sb="6" eb="9">
      <t>チュウイテン</t>
    </rPh>
    <phoneticPr fontId="2"/>
  </si>
  <si>
    <t>児童発達支援管理責任者の責務　</t>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検討等</t>
    <rPh sb="0" eb="2">
      <t>ケントウ</t>
    </rPh>
    <rPh sb="2" eb="3">
      <t>トウ</t>
    </rPh>
    <phoneticPr fontId="2"/>
  </si>
  <si>
    <t>相談及び助言</t>
    <rPh sb="0" eb="2">
      <t>ソウダン</t>
    </rPh>
    <rPh sb="2" eb="3">
      <t>オヨ</t>
    </rPh>
    <rPh sb="4" eb="6">
      <t>ジョゲン</t>
    </rPh>
    <phoneticPr fontId="2"/>
  </si>
  <si>
    <t>指導、訓練等</t>
    <rPh sb="0" eb="2">
      <t>シドウ</t>
    </rPh>
    <rPh sb="3" eb="5">
      <t>クンレン</t>
    </rPh>
    <rPh sb="5" eb="6">
      <t>トウ</t>
    </rPh>
    <phoneticPr fontId="2"/>
  </si>
  <si>
    <t>食事の提供</t>
    <rPh sb="0" eb="2">
      <t>ショクジ</t>
    </rPh>
    <rPh sb="3" eb="5">
      <t>テイキョウ</t>
    </rPh>
    <phoneticPr fontId="2"/>
  </si>
  <si>
    <t>社会生活上の便宜の供与等</t>
    <rPh sb="0" eb="2">
      <t>シャカイ</t>
    </rPh>
    <rPh sb="2" eb="4">
      <t>セイカツ</t>
    </rPh>
    <rPh sb="4" eb="5">
      <t>ジョウ</t>
    </rPh>
    <rPh sb="6" eb="8">
      <t>ベンギ</t>
    </rPh>
    <rPh sb="9" eb="11">
      <t>キョウヨ</t>
    </rPh>
    <rPh sb="11" eb="12">
      <t>トウ</t>
    </rPh>
    <phoneticPr fontId="2"/>
  </si>
  <si>
    <t>障害児及び従業者の健康診断</t>
    <rPh sb="0" eb="2">
      <t>ショウガイ</t>
    </rPh>
    <rPh sb="2" eb="3">
      <t>ジ</t>
    </rPh>
    <rPh sb="3" eb="4">
      <t>オヨ</t>
    </rPh>
    <rPh sb="5" eb="8">
      <t>ジュウギョウシャ</t>
    </rPh>
    <rPh sb="9" eb="11">
      <t>ケンコウ</t>
    </rPh>
    <rPh sb="11" eb="13">
      <t>シンダン</t>
    </rPh>
    <phoneticPr fontId="2"/>
  </si>
  <si>
    <t>〔左〕欄</t>
    <rPh sb="1" eb="2">
      <t>ヒダリ</t>
    </rPh>
    <rPh sb="3" eb="4">
      <t>ラン</t>
    </rPh>
    <phoneticPr fontId="2"/>
  </si>
  <si>
    <t>〔右〕欄</t>
    <rPh sb="1" eb="2">
      <t>ミギ</t>
    </rPh>
    <phoneticPr fontId="2"/>
  </si>
  <si>
    <t>緊急時等の対応　</t>
    <phoneticPr fontId="2"/>
  </si>
  <si>
    <t>障害児の入院期間中の取扱い</t>
    <rPh sb="0" eb="3">
      <t>ショウガイジ</t>
    </rPh>
    <rPh sb="4" eb="6">
      <t>ニュウイン</t>
    </rPh>
    <rPh sb="6" eb="8">
      <t>キカン</t>
    </rPh>
    <rPh sb="8" eb="9">
      <t>チュウ</t>
    </rPh>
    <rPh sb="10" eb="12">
      <t>トリアツカイ</t>
    </rPh>
    <phoneticPr fontId="2"/>
  </si>
  <si>
    <t>給付金として支払を受けた金銭の管理</t>
    <rPh sb="0" eb="3">
      <t>キュウフキン</t>
    </rPh>
    <rPh sb="6" eb="8">
      <t>シハライ</t>
    </rPh>
    <rPh sb="9" eb="10">
      <t>ウ</t>
    </rPh>
    <rPh sb="12" eb="14">
      <t>キンセン</t>
    </rPh>
    <rPh sb="15" eb="17">
      <t>カンリ</t>
    </rPh>
    <phoneticPr fontId="2"/>
  </si>
  <si>
    <t>ただし、施設の管理上支障がない場合は、当該施設の他の職務に従事し、又は当該施設以外の事業所、施設等の職務に従事させることができる。</t>
    <phoneticPr fontId="2"/>
  </si>
  <si>
    <t>運営規程</t>
    <phoneticPr fontId="2"/>
  </si>
  <si>
    <t>重要事項</t>
    <rPh sb="0" eb="2">
      <t>ジュウヨウ</t>
    </rPh>
    <rPh sb="2" eb="4">
      <t>ジコウ</t>
    </rPh>
    <phoneticPr fontId="2"/>
  </si>
  <si>
    <t>施設の目的及び運営の方針</t>
    <rPh sb="0" eb="2">
      <t>シセツ</t>
    </rPh>
    <phoneticPr fontId="2"/>
  </si>
  <si>
    <t>従業者の職種、員数及び職務の内容</t>
    <phoneticPr fontId="2"/>
  </si>
  <si>
    <t>入所定員</t>
    <rPh sb="0" eb="2">
      <t>ニュウショ</t>
    </rPh>
    <rPh sb="2" eb="4">
      <t>テイイン</t>
    </rPh>
    <phoneticPr fontId="2"/>
  </si>
  <si>
    <t>指定入所支援の内容（指導、訓練の内容、行事及び日課等のサービス内容）並びに入所給付決定保護者から受領する費用の種類及びその額</t>
    <rPh sb="10" eb="12">
      <t>シドウ</t>
    </rPh>
    <rPh sb="13" eb="15">
      <t>クンレン</t>
    </rPh>
    <rPh sb="16" eb="18">
      <t>ナイヨウ</t>
    </rPh>
    <rPh sb="19" eb="21">
      <t>ギョウジ</t>
    </rPh>
    <rPh sb="21" eb="22">
      <t>オヨ</t>
    </rPh>
    <rPh sb="23" eb="26">
      <t>ニッカトウ</t>
    </rPh>
    <rPh sb="31" eb="33">
      <t>ナイヨウ</t>
    </rPh>
    <phoneticPr fontId="2"/>
  </si>
  <si>
    <t>施設の利用に当たっての留意事項（入所生活上のルール、設備の利用上の留意事項等）</t>
    <rPh sb="16" eb="18">
      <t>ニュウショ</t>
    </rPh>
    <rPh sb="18" eb="20">
      <t>セイカツ</t>
    </rPh>
    <rPh sb="20" eb="21">
      <t>ジョウ</t>
    </rPh>
    <rPh sb="26" eb="28">
      <t>セツビ</t>
    </rPh>
    <rPh sb="29" eb="32">
      <t>リヨウジョウ</t>
    </rPh>
    <rPh sb="33" eb="35">
      <t>リュウイ</t>
    </rPh>
    <rPh sb="35" eb="38">
      <t>ジコウトウ</t>
    </rPh>
    <phoneticPr fontId="2"/>
  </si>
  <si>
    <t>緊急時等における対応方法</t>
    <phoneticPr fontId="2"/>
  </si>
  <si>
    <t>主として入所させる障害児の障害の種類</t>
    <phoneticPr fontId="2"/>
  </si>
  <si>
    <t>虐待の防止のための措置に関する事項</t>
    <phoneticPr fontId="2"/>
  </si>
  <si>
    <t>勤務体制の確保等</t>
    <phoneticPr fontId="2"/>
  </si>
  <si>
    <t>定員の遵守</t>
    <rPh sb="0" eb="2">
      <t>テイイン</t>
    </rPh>
    <rPh sb="3" eb="5">
      <t>ジュンシュ</t>
    </rPh>
    <phoneticPr fontId="2"/>
  </si>
  <si>
    <t>次に該当する利用定員を超えた障害児の受入については、適正なサービスの提供が確保されることを前提とし、地域の社会資源の状況等から新規の障害児を当該指定福祉型障害児入所施設において受け入れる必要がある場合等やむを得ない事情が存する場合に限り、可能である。</t>
    <rPh sb="14" eb="17">
      <t>ショウガイジ</t>
    </rPh>
    <rPh sb="66" eb="69">
      <t>ショウガイジ</t>
    </rPh>
    <rPh sb="74" eb="77">
      <t>フクシガタ</t>
    </rPh>
    <rPh sb="77" eb="80">
      <t>ショウガイジ</t>
    </rPh>
    <rPh sb="80" eb="82">
      <t>ニュウショ</t>
    </rPh>
    <rPh sb="82" eb="84">
      <t>シセツ</t>
    </rPh>
    <phoneticPr fontId="2"/>
  </si>
  <si>
    <t>非常災害対策</t>
    <rPh sb="0" eb="2">
      <t>ヒジョウ</t>
    </rPh>
    <rPh sb="2" eb="4">
      <t>サイガイ</t>
    </rPh>
    <rPh sb="4" eb="6">
      <t>タイサク</t>
    </rPh>
    <phoneticPr fontId="2"/>
  </si>
  <si>
    <t>衛生管理等</t>
    <rPh sb="0" eb="2">
      <t>エイセイ</t>
    </rPh>
    <rPh sb="2" eb="4">
      <t>カンリ</t>
    </rPh>
    <rPh sb="4" eb="5">
      <t>トウ</t>
    </rPh>
    <phoneticPr fontId="2"/>
  </si>
  <si>
    <t>必要な措置</t>
    <rPh sb="0" eb="2">
      <t>ヒツヨウ</t>
    </rPh>
    <rPh sb="3" eb="5">
      <t>ソチ</t>
    </rPh>
    <phoneticPr fontId="2"/>
  </si>
  <si>
    <t>協力医療機関</t>
    <rPh sb="0" eb="2">
      <t>キョウリョク</t>
    </rPh>
    <rPh sb="2" eb="4">
      <t>イリョウ</t>
    </rPh>
    <rPh sb="4" eb="6">
      <t>キカン</t>
    </rPh>
    <phoneticPr fontId="2"/>
  </si>
  <si>
    <t>掲示</t>
    <rPh sb="0" eb="2">
      <t>ケイジ</t>
    </rPh>
    <phoneticPr fontId="2"/>
  </si>
  <si>
    <t>身体拘束等の禁止</t>
    <rPh sb="0" eb="2">
      <t>シンタイ</t>
    </rPh>
    <rPh sb="2" eb="4">
      <t>コウソク</t>
    </rPh>
    <rPh sb="4" eb="5">
      <t>トウ</t>
    </rPh>
    <rPh sb="6" eb="8">
      <t>キンシ</t>
    </rPh>
    <phoneticPr fontId="2"/>
  </si>
  <si>
    <t>虐待等の禁止</t>
    <rPh sb="0" eb="2">
      <t>ギャクタイ</t>
    </rPh>
    <rPh sb="2" eb="3">
      <t>トウ</t>
    </rPh>
    <rPh sb="4" eb="6">
      <t>キンシ</t>
    </rPh>
    <phoneticPr fontId="2"/>
  </si>
  <si>
    <t>懲戒に係る権限の濫用禁止</t>
    <rPh sb="0" eb="2">
      <t>チョウカイ</t>
    </rPh>
    <rPh sb="3" eb="4">
      <t>カカ</t>
    </rPh>
    <rPh sb="5" eb="7">
      <t>ケンゲン</t>
    </rPh>
    <rPh sb="8" eb="10">
      <t>ランヨウ</t>
    </rPh>
    <rPh sb="10" eb="12">
      <t>キンシ</t>
    </rPh>
    <phoneticPr fontId="2"/>
  </si>
  <si>
    <t>秘密保持等</t>
    <rPh sb="0" eb="2">
      <t>ヒミツ</t>
    </rPh>
    <rPh sb="2" eb="4">
      <t>ホジ</t>
    </rPh>
    <rPh sb="4" eb="5">
      <t>トウ</t>
    </rPh>
    <phoneticPr fontId="2"/>
  </si>
  <si>
    <t>情報の提供等</t>
    <phoneticPr fontId="2"/>
  </si>
  <si>
    <t>利益供与等の禁止</t>
    <phoneticPr fontId="2"/>
  </si>
  <si>
    <t>苦情解決</t>
    <phoneticPr fontId="2"/>
  </si>
  <si>
    <t>相談窓口の設置</t>
    <rPh sb="5" eb="7">
      <t>セッチ</t>
    </rPh>
    <phoneticPr fontId="2"/>
  </si>
  <si>
    <t>苦情解決の体制整備</t>
    <rPh sb="7" eb="9">
      <t>セイビ</t>
    </rPh>
    <phoneticPr fontId="2"/>
  </si>
  <si>
    <t>苦情解決の手順整備</t>
    <rPh sb="7" eb="9">
      <t>セイビ</t>
    </rPh>
    <phoneticPr fontId="2"/>
  </si>
  <si>
    <t>地域との連携等</t>
    <rPh sb="0" eb="2">
      <t>チイキ</t>
    </rPh>
    <rPh sb="4" eb="6">
      <t>レンケイ</t>
    </rPh>
    <rPh sb="6" eb="7">
      <t>トウ</t>
    </rPh>
    <phoneticPr fontId="2"/>
  </si>
  <si>
    <t>留意事項</t>
    <rPh sb="0" eb="2">
      <t>リュウイ</t>
    </rPh>
    <rPh sb="2" eb="4">
      <t>ジコウ</t>
    </rPh>
    <phoneticPr fontId="2"/>
  </si>
  <si>
    <t>会計の区分</t>
    <phoneticPr fontId="2"/>
  </si>
  <si>
    <t>記録の整備</t>
    <phoneticPr fontId="2"/>
  </si>
  <si>
    <t>施設の名称等の変更の届出等</t>
    <rPh sb="0" eb="2">
      <t>シセツ</t>
    </rPh>
    <phoneticPr fontId="2"/>
  </si>
  <si>
    <t>届出事項</t>
    <rPh sb="0" eb="2">
      <t>トドケデ</t>
    </rPh>
    <rPh sb="2" eb="4">
      <t>ジコウ</t>
    </rPh>
    <phoneticPr fontId="2"/>
  </si>
  <si>
    <t>施設の名称、所在地</t>
    <rPh sb="0" eb="2">
      <t>シセツ</t>
    </rPh>
    <phoneticPr fontId="2"/>
  </si>
  <si>
    <t>設置者の名称、主たる事務所の所在地、代表者の氏名、生年月日、住所及び職名</t>
    <rPh sb="0" eb="2">
      <t>セッチ</t>
    </rPh>
    <rPh sb="25" eb="27">
      <t>セイネン</t>
    </rPh>
    <rPh sb="27" eb="29">
      <t>ガッピ</t>
    </rPh>
    <rPh sb="32" eb="33">
      <t>オヨ</t>
    </rPh>
    <rPh sb="34" eb="36">
      <t>ショクメイ</t>
    </rPh>
    <phoneticPr fontId="2"/>
  </si>
  <si>
    <t>設置者の定款、寄附行為、その登記事項証明書又は条例等</t>
    <rPh sb="0" eb="2">
      <t>セッチ</t>
    </rPh>
    <phoneticPr fontId="2"/>
  </si>
  <si>
    <t>建物の構造概要及び平面図並びに設備の概要</t>
    <rPh sb="0" eb="2">
      <t>タテモノ</t>
    </rPh>
    <rPh sb="3" eb="5">
      <t>コウゾウ</t>
    </rPh>
    <rPh sb="5" eb="7">
      <t>ガイヨウ</t>
    </rPh>
    <rPh sb="7" eb="8">
      <t>オヨ</t>
    </rPh>
    <rPh sb="12" eb="13">
      <t>ナラ</t>
    </rPh>
    <phoneticPr fontId="2"/>
  </si>
  <si>
    <t>凡例</t>
    <rPh sb="0" eb="2">
      <t>ハンレイ</t>
    </rPh>
    <phoneticPr fontId="2"/>
  </si>
  <si>
    <t>法＝児童福祉法</t>
    <rPh sb="0" eb="1">
      <t>ホウ</t>
    </rPh>
    <rPh sb="2" eb="4">
      <t>ジドウ</t>
    </rPh>
    <rPh sb="4" eb="6">
      <t>フクシ</t>
    </rPh>
    <rPh sb="6" eb="7">
      <t>ホウ</t>
    </rPh>
    <phoneticPr fontId="2"/>
  </si>
  <si>
    <t>条例＝指定障害児入所施設等の人員、設備及び運営に関する基準等を定める条例</t>
    <rPh sb="0" eb="2">
      <t>ジョウレイ</t>
    </rPh>
    <phoneticPr fontId="2"/>
  </si>
  <si>
    <t>勤務形態一覧表を、月毎に整備してください。</t>
    <rPh sb="0" eb="2">
      <t>キンム</t>
    </rPh>
    <rPh sb="2" eb="4">
      <t>ケイタイ</t>
    </rPh>
    <rPh sb="4" eb="6">
      <t>イチラン</t>
    </rPh>
    <rPh sb="6" eb="7">
      <t>ヒョウ</t>
    </rPh>
    <rPh sb="9" eb="11">
      <t>ツキゴト</t>
    </rPh>
    <rPh sb="12" eb="14">
      <t>セイビ</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精神科又は小児科の診療に相当の経験を有する者となっているか。</t>
    <phoneticPr fontId="2"/>
  </si>
  <si>
    <t>眼科又は耳鼻咽喉科の診療に相当の経験を有する者となっているか。</t>
    <phoneticPr fontId="2"/>
  </si>
  <si>
    <t>＊嘱託医</t>
    <rPh sb="1" eb="3">
      <t>ショクタク</t>
    </rPh>
    <rPh sb="3" eb="4">
      <t>イ</t>
    </rPh>
    <phoneticPr fontId="2"/>
  </si>
  <si>
    <t>おおむね障害児の数を20で除して得た数以上となっているか。</t>
    <phoneticPr fontId="2"/>
  </si>
  <si>
    <t>１以上となっているか。</t>
    <phoneticPr fontId="2"/>
  </si>
  <si>
    <t>主として自閉症児を入所させる指定福祉型障害児入所施設である場合には､医師（児童を対象とする精神科の診療に相当の経験を有する者）を置いているか｡</t>
    <phoneticPr fontId="2"/>
  </si>
  <si>
    <t>職業指導を行う場合には､職業指導員を置いているか。</t>
    <phoneticPr fontId="2"/>
  </si>
  <si>
    <t>階段の傾斜を緩やかにしているか。</t>
    <phoneticPr fontId="2"/>
  </si>
  <si>
    <t>入所給付決定保護者及び指定障害児入所施設が、その時点での指定入所支援の利用状況等を把握できるようにするため、指定障害児入所支援を提供した際には、以下の項目について記録しているか。</t>
    <rPh sb="0" eb="2">
      <t>ニュウショ</t>
    </rPh>
    <rPh sb="2" eb="4">
      <t>キュウフ</t>
    </rPh>
    <rPh sb="13" eb="16">
      <t>ショウガイジ</t>
    </rPh>
    <rPh sb="16" eb="18">
      <t>ニュウショ</t>
    </rPh>
    <rPh sb="18" eb="20">
      <t>シセツ</t>
    </rPh>
    <rPh sb="32" eb="34">
      <t>シエン</t>
    </rPh>
    <rPh sb="61" eb="63">
      <t>シエン</t>
    </rPh>
    <phoneticPr fontId="2"/>
  </si>
  <si>
    <t>入所給付決定保護者等へ伝達すべき必要な事項</t>
    <rPh sb="0" eb="2">
      <t>ニュウショ</t>
    </rPh>
    <rPh sb="2" eb="4">
      <t>キュウフ</t>
    </rPh>
    <rPh sb="4" eb="6">
      <t>ケッテイ</t>
    </rPh>
    <rPh sb="6" eb="9">
      <t>ホゴシャ</t>
    </rPh>
    <rPh sb="9" eb="10">
      <t>トウ</t>
    </rPh>
    <rPh sb="11" eb="13">
      <t>デンタツ</t>
    </rPh>
    <rPh sb="16" eb="18">
      <t>ヒツヨウ</t>
    </rPh>
    <rPh sb="19" eb="21">
      <t>ジコウ</t>
    </rPh>
    <phoneticPr fontId="2"/>
  </si>
  <si>
    <t>＊食事の提供に要する費用については、「食事の提供に要する費用及び光熱水費に係る利用料等関する指針」（平成24年３月30日厚労省告示第231号を参照。</t>
    <rPh sb="50" eb="52">
      <t>ヘイセイ</t>
    </rPh>
    <rPh sb="54" eb="55">
      <t>ネン</t>
    </rPh>
    <rPh sb="56" eb="57">
      <t>ガツ</t>
    </rPh>
    <rPh sb="59" eb="60">
      <t>ニチ</t>
    </rPh>
    <rPh sb="60" eb="63">
      <t>コウロウショウ</t>
    </rPh>
    <rPh sb="63" eb="65">
      <t>コクジ</t>
    </rPh>
    <rPh sb="65" eb="66">
      <t>ダイ</t>
    </rPh>
    <rPh sb="69" eb="70">
      <t>ゴウ</t>
    </rPh>
    <rPh sb="71" eb="73">
      <t>サンショウ</t>
    </rPh>
    <phoneticPr fontId="2"/>
  </si>
  <si>
    <t>年齢、障害の特性及び嗜好等に配慮しつつ、栄養的にバランスのとれたものとするよう努めているか。</t>
    <rPh sb="0" eb="2">
      <t>ネンレイ</t>
    </rPh>
    <rPh sb="3" eb="5">
      <t>ショウガイ</t>
    </rPh>
    <rPh sb="6" eb="8">
      <t>トクセイ</t>
    </rPh>
    <rPh sb="8" eb="9">
      <t>オヨ</t>
    </rPh>
    <rPh sb="10" eb="12">
      <t>シコウ</t>
    </rPh>
    <rPh sb="12" eb="13">
      <t>トウ</t>
    </rPh>
    <rPh sb="14" eb="16">
      <t>ハイリョ</t>
    </rPh>
    <rPh sb="20" eb="22">
      <t>エイヨウ</t>
    </rPh>
    <rPh sb="22" eb="23">
      <t>テキ</t>
    </rPh>
    <rPh sb="39" eb="40">
      <t>ツト</t>
    </rPh>
    <phoneticPr fontId="2"/>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2"/>
  </si>
  <si>
    <t>障害児と家族との面会の場所や時間帯について障害児やその家族の利便性に配慮しているか。</t>
    <rPh sb="0" eb="2">
      <t>ショウガイ</t>
    </rPh>
    <rPh sb="2" eb="3">
      <t>ジ</t>
    </rPh>
    <rPh sb="4" eb="6">
      <t>カゾク</t>
    </rPh>
    <rPh sb="8" eb="10">
      <t>メンカイ</t>
    </rPh>
    <rPh sb="11" eb="13">
      <t>バショ</t>
    </rPh>
    <rPh sb="14" eb="17">
      <t>ジカンタイ</t>
    </rPh>
    <rPh sb="21" eb="24">
      <t>ショウガイジ</t>
    </rPh>
    <rPh sb="27" eb="29">
      <t>カゾク</t>
    </rPh>
    <rPh sb="30" eb="33">
      <t>リベンセイ</t>
    </rPh>
    <rPh sb="34" eb="36">
      <t>ハイリョ</t>
    </rPh>
    <phoneticPr fontId="2"/>
  </si>
  <si>
    <t>障害児の健康管理の把握に努め、医師、又は看護師等その他適切な者を健康管理の責任者とし、障害児の健康状態に応じて健康保持のための適切な措置を講じているか。</t>
    <phoneticPr fontId="2"/>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2"/>
  </si>
  <si>
    <t>障害児に係る当該金銭及びこれに準ずるもの(運用により生じた収益を含む。以下｢障害児に係る金銭」という。）をその他の財産と区分しているか。</t>
    <phoneticPr fontId="2"/>
  </si>
  <si>
    <t>障害児に係る金銭を給付金の趣旨に従って用いているか。</t>
    <phoneticPr fontId="2"/>
  </si>
  <si>
    <t>障害児に係る金銭の収支の状況を明らかにする記録を整備しているか。</t>
    <phoneticPr fontId="2"/>
  </si>
  <si>
    <t>当該障害児が退所した場合には、速やかに、障害児に係る金銭を当該障害児に取得させているか。</t>
    <phoneticPr fontId="2"/>
  </si>
  <si>
    <t>原則として月ごとの勤務表を作成しているか。</t>
    <phoneticPr fontId="2"/>
  </si>
  <si>
    <t>従業者の日々の勤務時間、常勤・非常勤の別、管理者との兼務関係等を明確にしているか。</t>
    <phoneticPr fontId="2"/>
  </si>
  <si>
    <t>第三者への委託等を行っている業務は、障害児の支援に直接影響を及ぼさない業務であるか。</t>
    <rPh sb="14" eb="16">
      <t>ギョウム</t>
    </rPh>
    <rPh sb="18" eb="20">
      <t>ショウガイ</t>
    </rPh>
    <rPh sb="20" eb="21">
      <t>ジ</t>
    </rPh>
    <phoneticPr fontId="2"/>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関係機関への通報及び連絡体制を整備）
火災等の災害時に、地域への消防機関へ速やかに通報する体制をとるよう従業者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2"/>
  </si>
  <si>
    <t>従業者が感染源となることを予防し、また従業者を感染の危険から守るため、手指を洗浄するための設備や使い捨ての手袋等感染を予防するための備品等を備えるなど対策を講じているか。</t>
    <phoneticPr fontId="2"/>
  </si>
  <si>
    <t>感染症又は食中毒の発生及びまん延を防止するための措置等について、必要に応じて保健所の助言、指導を求めるとともに、常に密接な連携を保っているか。</t>
    <rPh sb="64" eb="65">
      <t>タモ</t>
    </rPh>
    <phoneticPr fontId="2"/>
  </si>
  <si>
    <t>＊懲戒に係る権限の濫用について（平成10年２月18日障障第16号・児企第９号)を参照。</t>
    <rPh sb="1" eb="3">
      <t>チョウカイ</t>
    </rPh>
    <rPh sb="4" eb="5">
      <t>カカ</t>
    </rPh>
    <rPh sb="6" eb="8">
      <t>ケンゲン</t>
    </rPh>
    <rPh sb="9" eb="11">
      <t>ランヨウ</t>
    </rPh>
    <rPh sb="16" eb="18">
      <t>ヘイセイ</t>
    </rPh>
    <rPh sb="20" eb="21">
      <t>ネン</t>
    </rPh>
    <rPh sb="22" eb="23">
      <t>ガツ</t>
    </rPh>
    <rPh sb="25" eb="26">
      <t>ニチ</t>
    </rPh>
    <rPh sb="26" eb="27">
      <t>ショウ</t>
    </rPh>
    <rPh sb="27" eb="28">
      <t>ショウ</t>
    </rPh>
    <rPh sb="28" eb="29">
      <t>ダイ</t>
    </rPh>
    <rPh sb="31" eb="32">
      <t>ゴウ</t>
    </rPh>
    <rPh sb="33" eb="34">
      <t>ニ</t>
    </rPh>
    <rPh sb="34" eb="35">
      <t>キ</t>
    </rPh>
    <rPh sb="35" eb="36">
      <t>ダイ</t>
    </rPh>
    <rPh sb="37" eb="38">
      <t>ゴウ</t>
    </rPh>
    <rPh sb="40" eb="42">
      <t>サンショウ</t>
    </rPh>
    <phoneticPr fontId="2"/>
  </si>
  <si>
    <t>事故が発生した場合の対応方法については、あらかじめ指定福祉型障害児入所施設が定めているか。</t>
    <rPh sb="27" eb="30">
      <t>フクシガタ</t>
    </rPh>
    <rPh sb="30" eb="33">
      <t>ショウガイジ</t>
    </rPh>
    <rPh sb="33" eb="35">
      <t>ニュウショ</t>
    </rPh>
    <rPh sb="35" eb="37">
      <t>シセツ</t>
    </rPh>
    <phoneticPr fontId="2"/>
  </si>
  <si>
    <t>賠償すべき事態において速やかに賠償を行うため、損害賠償保険に加入しているか。</t>
    <phoneticPr fontId="2"/>
  </si>
  <si>
    <t>事故が生じた際にはその原因を解明し、再発生を防ぐための対策を講じているか。</t>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業務管理体制の整備</t>
    <phoneticPr fontId="2"/>
  </si>
  <si>
    <t>以上</t>
    <rPh sb="0" eb="2">
      <t>イジョウ</t>
    </rPh>
    <phoneticPr fontId="2"/>
  </si>
  <si>
    <t>指定日</t>
    <rPh sb="0" eb="3">
      <t>シテイビビ</t>
    </rPh>
    <phoneticPr fontId="2"/>
  </si>
  <si>
    <t>（条例第10条）</t>
    <phoneticPr fontId="2"/>
  </si>
  <si>
    <t>（条例第11条）</t>
    <phoneticPr fontId="2"/>
  </si>
  <si>
    <t>（条例第12条）</t>
    <phoneticPr fontId="2"/>
  </si>
  <si>
    <t>（条例第13条）</t>
    <phoneticPr fontId="2"/>
  </si>
  <si>
    <t>（条例第14条）</t>
    <phoneticPr fontId="2"/>
  </si>
  <si>
    <t>（条例第15条）</t>
    <phoneticPr fontId="2"/>
  </si>
  <si>
    <t>（条例第16条）</t>
    <phoneticPr fontId="2"/>
  </si>
  <si>
    <t>（条例第17条）</t>
    <phoneticPr fontId="2"/>
  </si>
  <si>
    <t>（条例第18条）</t>
    <phoneticPr fontId="2"/>
  </si>
  <si>
    <t>（条例第19条）</t>
    <phoneticPr fontId="2"/>
  </si>
  <si>
    <t>（条例第20条）</t>
    <phoneticPr fontId="2"/>
  </si>
  <si>
    <t>（条例第21条）</t>
    <phoneticPr fontId="2"/>
  </si>
  <si>
    <t>（条例第22条）</t>
    <phoneticPr fontId="2"/>
  </si>
  <si>
    <t>（条例第23条）</t>
    <phoneticPr fontId="2"/>
  </si>
  <si>
    <t>（条例第24条）</t>
    <phoneticPr fontId="2"/>
  </si>
  <si>
    <t>（条例第25条）</t>
    <phoneticPr fontId="2"/>
  </si>
  <si>
    <t>（条例第26条）</t>
    <phoneticPr fontId="2"/>
  </si>
  <si>
    <t>（条例第28条）</t>
    <phoneticPr fontId="2"/>
  </si>
  <si>
    <t>（条例第29条）</t>
    <phoneticPr fontId="2"/>
  </si>
  <si>
    <t>（条例第30条）</t>
    <phoneticPr fontId="2"/>
  </si>
  <si>
    <t>（条例第31条）</t>
    <phoneticPr fontId="2"/>
  </si>
  <si>
    <t>（条例第32条）</t>
    <phoneticPr fontId="2"/>
  </si>
  <si>
    <t>（条例第33条）</t>
    <phoneticPr fontId="2"/>
  </si>
  <si>
    <t>（条例第34条）</t>
    <phoneticPr fontId="2"/>
  </si>
  <si>
    <t>（条例第35条）</t>
    <phoneticPr fontId="2"/>
  </si>
  <si>
    <t>（条例第36条）</t>
    <phoneticPr fontId="2"/>
  </si>
  <si>
    <t>（条例第37条）</t>
    <phoneticPr fontId="2"/>
  </si>
  <si>
    <t>（条例第38条）</t>
    <phoneticPr fontId="2"/>
  </si>
  <si>
    <t>（条例第39条）</t>
    <phoneticPr fontId="2"/>
  </si>
  <si>
    <t>（条例第40条）</t>
    <phoneticPr fontId="2"/>
  </si>
  <si>
    <t>（条例第41条）</t>
    <phoneticPr fontId="2"/>
  </si>
  <si>
    <t>（条例第42条）</t>
    <phoneticPr fontId="2"/>
  </si>
  <si>
    <t>（条例第43条）</t>
    <phoneticPr fontId="2"/>
  </si>
  <si>
    <t>（条例第44条）</t>
    <phoneticPr fontId="2"/>
  </si>
  <si>
    <t>（条例第45条）</t>
    <phoneticPr fontId="2"/>
  </si>
  <si>
    <t>（条例第46条）</t>
    <phoneticPr fontId="2"/>
  </si>
  <si>
    <t>（条例第47条）</t>
    <phoneticPr fontId="2"/>
  </si>
  <si>
    <t>（条例第48条）</t>
    <phoneticPr fontId="2"/>
  </si>
  <si>
    <t>（条例第50条）</t>
    <phoneticPr fontId="2"/>
  </si>
  <si>
    <t>（条例第51条）</t>
    <phoneticPr fontId="2"/>
  </si>
  <si>
    <t>（条例第52条）</t>
    <phoneticPr fontId="2"/>
  </si>
  <si>
    <t>法令を遵守するための体制の確保に係る責任者（法令遵守責任者）を選任しているか。</t>
    <phoneticPr fontId="2"/>
  </si>
  <si>
    <t>その他</t>
    <rPh sb="2" eb="3">
      <t>タ</t>
    </rPh>
    <phoneticPr fontId="2"/>
  </si>
  <si>
    <t>管理者及び児童発達支援管理責任者の氏名､住所、経歴</t>
    <phoneticPr fontId="2"/>
  </si>
  <si>
    <t>この同意は、サービス提供開始時に利用者及びその家族から包括的な同意を得ておくことで足りるものである。</t>
    <phoneticPr fontId="2"/>
  </si>
  <si>
    <t>主として盲ろうあ児の場合</t>
    <rPh sb="0" eb="1">
      <t>シュ</t>
    </rPh>
    <rPh sb="4" eb="5">
      <t>モウ</t>
    </rPh>
    <rPh sb="8" eb="9">
      <t>コ</t>
    </rPh>
    <rPh sb="10" eb="12">
      <t>バアイ</t>
    </rPh>
    <phoneticPr fontId="2"/>
  </si>
  <si>
    <t>便所は、男女別としているか。</t>
    <rPh sb="0" eb="2">
      <t>ベンジョ</t>
    </rPh>
    <rPh sb="4" eb="6">
      <t>ダンジョ</t>
    </rPh>
    <rPh sb="6" eb="7">
      <t>ベツ</t>
    </rPh>
    <phoneticPr fontId="2"/>
  </si>
  <si>
    <t>定期的に入所給付決定保護者及び障害児に面接しているか。</t>
    <rPh sb="0" eb="3">
      <t>テイキテキ</t>
    </rPh>
    <rPh sb="4" eb="6">
      <t>ニュウショ</t>
    </rPh>
    <rPh sb="6" eb="8">
      <t>キュウフ</t>
    </rPh>
    <rPh sb="8" eb="10">
      <t>ケッテイ</t>
    </rPh>
    <rPh sb="10" eb="13">
      <t>ホゴシャ</t>
    </rPh>
    <rPh sb="13" eb="14">
      <t>オヨ</t>
    </rPh>
    <rPh sb="15" eb="18">
      <t>ショウガイジ</t>
    </rPh>
    <rPh sb="19" eb="21">
      <t>メンセツ</t>
    </rPh>
    <phoneticPr fontId="2"/>
  </si>
  <si>
    <t>主として盲ろうあ児を入所させる施設においては、特に盲ろうあの原因及び機能障害の状況を精密に診断し、治療可能な者については、できる限り治療しているか。</t>
    <phoneticPr fontId="2"/>
  </si>
  <si>
    <t>主として肢体不自由のある児童を入所させる施設においては、整形外科的診断により肢体の機能障害の原因及びその状況を精密に診断し、入所を継続するか否かを考慮しているか。</t>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但し、点検項目については、当該年度の６月１日～30日の状況で記入してください。点検は毎年実施してください。</t>
    <phoneticPr fontId="2"/>
  </si>
  <si>
    <t xml:space="preserve">建物その他設備の規模及び構造並びにその図面
運営の方法
経営の責任者及び福祉の実務に当る幹部職員の氏名及び経歴
</t>
    <phoneticPr fontId="2"/>
  </si>
  <si>
    <t>（条例第５条４項　削除　平成30年３月30日条例第59号　附則）</t>
    <rPh sb="1" eb="3">
      <t>ジョウレイ</t>
    </rPh>
    <rPh sb="7" eb="8">
      <t>コウ</t>
    </rPh>
    <rPh sb="9" eb="11">
      <t>サクジョ</t>
    </rPh>
    <rPh sb="12" eb="14">
      <t>ヘイセイ</t>
    </rPh>
    <rPh sb="16" eb="17">
      <t>ネン</t>
    </rPh>
    <rPh sb="18" eb="19">
      <t>ガツ</t>
    </rPh>
    <rPh sb="21" eb="22">
      <t>ヒ</t>
    </rPh>
    <rPh sb="22" eb="24">
      <t>ジョウレイ</t>
    </rPh>
    <rPh sb="24" eb="25">
      <t>ダイ</t>
    </rPh>
    <rPh sb="27" eb="28">
      <t>ゴウ</t>
    </rPh>
    <rPh sb="29" eb="31">
      <t>フソク</t>
    </rPh>
    <phoneticPr fontId="2"/>
  </si>
  <si>
    <t>受領可能な費用の範囲</t>
    <rPh sb="0" eb="2">
      <t>ジュリョウ</t>
    </rPh>
    <rPh sb="2" eb="4">
      <t>カノウ</t>
    </rPh>
    <rPh sb="5" eb="7">
      <t>ヒヨウ</t>
    </rPh>
    <rPh sb="8" eb="10">
      <t>ハンイ</t>
    </rPh>
    <phoneticPr fontId="2"/>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2"/>
  </si>
  <si>
    <t>（平成19年12月26日付け社会・援護局障害保健福祉部企画課長連名通知）</t>
    <rPh sb="12" eb="13">
      <t>ヅ</t>
    </rPh>
    <phoneticPr fontId="2"/>
  </si>
  <si>
    <t>・社会福祉施設等におけるレジオネラ症防止対策の徹底について</t>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情報公表対象サービス等情報の報告</t>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入所利用者負担額等に係る必要な事項</t>
    <rPh sb="0" eb="2">
      <t>ニュウショ</t>
    </rPh>
    <rPh sb="2" eb="4">
      <t>リヨウ</t>
    </rPh>
    <rPh sb="4" eb="5">
      <t>シャ</t>
    </rPh>
    <rPh sb="5" eb="7">
      <t>フタン</t>
    </rPh>
    <rPh sb="7" eb="8">
      <t>ガク</t>
    </rPh>
    <rPh sb="8" eb="9">
      <t>トウ</t>
    </rPh>
    <rPh sb="10" eb="11">
      <t>カカ</t>
    </rPh>
    <rPh sb="12" eb="14">
      <t>ヒツヨウ</t>
    </rPh>
    <rPh sb="15" eb="17">
      <t>ジコウ</t>
    </rPh>
    <phoneticPr fontId="2"/>
  </si>
  <si>
    <t>＊具体的な範囲</t>
    <rPh sb="1" eb="4">
      <t>グタイテキ</t>
    </rPh>
    <rPh sb="5" eb="7">
      <t>ハンイ</t>
    </rPh>
    <phoneticPr fontId="2"/>
  </si>
  <si>
    <t>利用児及び入所給付決定保護者等の希望によって身の回り品として日常生活に必要なもの（歯ブラシや化粧品等）を事業者又は施設が提供する場合に係る費用</t>
    <rPh sb="0" eb="2">
      <t>リヨウ</t>
    </rPh>
    <rPh sb="2" eb="3">
      <t>ジ</t>
    </rPh>
    <rPh sb="3" eb="4">
      <t>オヨ</t>
    </rPh>
    <rPh sb="5" eb="7">
      <t>ニュウショ</t>
    </rPh>
    <rPh sb="7" eb="9">
      <t>キュウフ</t>
    </rPh>
    <rPh sb="9" eb="11">
      <t>ケッテイ</t>
    </rPh>
    <rPh sb="11" eb="14">
      <t>ホゴシャ</t>
    </rPh>
    <rPh sb="14" eb="15">
      <t>トウ</t>
    </rPh>
    <rPh sb="16" eb="18">
      <t>キボウ</t>
    </rPh>
    <rPh sb="52" eb="55">
      <t>ジギョウシャ</t>
    </rPh>
    <rPh sb="55" eb="56">
      <t>マタ</t>
    </rPh>
    <rPh sb="57" eb="59">
      <t>シセツ</t>
    </rPh>
    <rPh sb="60" eb="62">
      <t>テイキョウ</t>
    </rPh>
    <rPh sb="64" eb="66">
      <t>バアイ</t>
    </rPh>
    <rPh sb="67" eb="68">
      <t>カカ</t>
    </rPh>
    <rPh sb="69" eb="71">
      <t>ヒヨウ</t>
    </rPh>
    <phoneticPr fontId="2"/>
  </si>
  <si>
    <t>利用児及び入所給付決定保護者等の希望によって教養娯楽等として日常生活に必要なもの（クラブ活動・行事における材料費等）を事業者又は施設が提供する場合に係る費用</t>
    <phoneticPr fontId="2"/>
  </si>
  <si>
    <t xml:space="preserve"> 「その他の日常生活費」の対象となる便宜と、障害児入所給付費の対象となっているサービスとの間に重複関係がないか。</t>
  </si>
  <si>
    <t>定期的にモニタリングを行いその結果を記録しているか。</t>
    <rPh sb="0" eb="3">
      <t>テイキテキ</t>
    </rPh>
    <rPh sb="11" eb="12">
      <t>オコナ</t>
    </rPh>
    <rPh sb="15" eb="17">
      <t>ケッカ</t>
    </rPh>
    <rPh sb="18" eb="20">
      <t>キロク</t>
    </rPh>
    <phoneticPr fontId="2"/>
  </si>
  <si>
    <t>入所利用者負担額に係る管理及び障害児入所給付等の額に係る通知等の業務を行っているか。</t>
    <rPh sb="0" eb="2">
      <t>ニュウショ</t>
    </rPh>
    <rPh sb="2" eb="4">
      <t>リヨウ</t>
    </rPh>
    <rPh sb="4" eb="5">
      <t>シャ</t>
    </rPh>
    <rPh sb="5" eb="7">
      <t>フタン</t>
    </rPh>
    <rPh sb="7" eb="8">
      <t>ガク</t>
    </rPh>
    <rPh sb="9" eb="10">
      <t>カカ</t>
    </rPh>
    <rPh sb="11" eb="13">
      <t>カンリ</t>
    </rPh>
    <rPh sb="13" eb="14">
      <t>オヨ</t>
    </rPh>
    <rPh sb="15" eb="17">
      <t>ショウガイ</t>
    </rPh>
    <rPh sb="17" eb="18">
      <t>ジ</t>
    </rPh>
    <rPh sb="18" eb="20">
      <t>ニュウショ</t>
    </rPh>
    <rPh sb="20" eb="23">
      <t>キュウフトウ</t>
    </rPh>
    <rPh sb="24" eb="25">
      <t>ガク</t>
    </rPh>
    <rPh sb="26" eb="27">
      <t>カカ</t>
    </rPh>
    <rPh sb="28" eb="31">
      <t>ツウチトウ</t>
    </rPh>
    <rPh sb="32" eb="34">
      <t>ギョウム</t>
    </rPh>
    <rPh sb="35" eb="36">
      <t>オコナ</t>
    </rPh>
    <phoneticPr fontId="2"/>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2"/>
  </si>
  <si>
    <t>（条例第27条、児童福祉施設の設備及び運営に関する基準を定める条例第11条）</t>
    <rPh sb="33" eb="34">
      <t>ダイ</t>
    </rPh>
    <rPh sb="36" eb="37">
      <t>ジョウ</t>
    </rPh>
    <phoneticPr fontId="2"/>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2"/>
  </si>
  <si>
    <t>管理者による管理等</t>
    <rPh sb="0" eb="3">
      <t>カンリシャ</t>
    </rPh>
    <rPh sb="6" eb="8">
      <t>カンリ</t>
    </rPh>
    <rPh sb="8" eb="9">
      <t>トウ</t>
    </rPh>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平成26年２月24日社会・援護局障害保健福祉部企画課外事務連絡）</t>
    <rPh sb="27" eb="28">
      <t>ホカ</t>
    </rPh>
    <phoneticPr fontId="2"/>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2"/>
  </si>
  <si>
    <t>https://www.mhlw.go.jp/stf/seisakunitsuite/bunya/0000121431_00097.html</t>
  </si>
  <si>
    <t>やむを得ず身体的拘束を行う場合の手続き等</t>
    <rPh sb="13" eb="15">
      <t>バアイ</t>
    </rPh>
    <rPh sb="16" eb="18">
      <t>テツヅ</t>
    </rPh>
    <rPh sb="19" eb="20">
      <t>トウ</t>
    </rPh>
    <phoneticPr fontId="2"/>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2"/>
  </si>
  <si>
    <t>身体的拘束の具体的内容</t>
    <rPh sb="6" eb="9">
      <t>グタイテキ</t>
    </rPh>
    <rPh sb="9" eb="11">
      <t>ナイヨウ</t>
    </rPh>
    <phoneticPr fontId="13"/>
  </si>
  <si>
    <t>①</t>
    <phoneticPr fontId="13"/>
  </si>
  <si>
    <t>車いすやベッド等に縛り付ける。</t>
  </si>
  <si>
    <t>②</t>
    <phoneticPr fontId="13"/>
  </si>
  <si>
    <t>手指の機能を制限するために、ミトン型の手袋を付ける。</t>
  </si>
  <si>
    <t>③</t>
    <phoneticPr fontId="13"/>
  </si>
  <si>
    <t>行動を制限するために、介護衣（つなぎ服）を着せる。</t>
  </si>
  <si>
    <t>④</t>
    <phoneticPr fontId="13"/>
  </si>
  <si>
    <t>支援者が自分の体で利用者を押さえ付けて行動を制限する。</t>
  </si>
  <si>
    <t>⑤</t>
    <phoneticPr fontId="13"/>
  </si>
  <si>
    <t>行動を落ち着かせるために、向精神薬を過剰に服用させる。</t>
  </si>
  <si>
    <t>⑥</t>
    <phoneticPr fontId="13"/>
  </si>
  <si>
    <t>自分の意思で開けることのできない居室等に隔離する。</t>
  </si>
  <si>
    <t>＊</t>
    <phoneticPr fontId="2"/>
  </si>
  <si>
    <t>緊急やむを得ない理由（切迫性・非代替性・一時性）</t>
    <rPh sb="11" eb="14">
      <t>セッパクセイ</t>
    </rPh>
    <rPh sb="15" eb="16">
      <t>ヒ</t>
    </rPh>
    <rPh sb="16" eb="19">
      <t>ダイタイセイ</t>
    </rPh>
    <rPh sb="20" eb="23">
      <t>イチジセイ</t>
    </rPh>
    <phoneticPr fontId="2"/>
  </si>
  <si>
    <t>態様</t>
    <rPh sb="0" eb="2">
      <t>タイヨウ</t>
    </rPh>
    <phoneticPr fontId="2"/>
  </si>
  <si>
    <t>利用者の心身の状況</t>
    <rPh sb="0" eb="3">
      <t>リヨウシャ</t>
    </rPh>
    <rPh sb="4" eb="6">
      <t>シンシン</t>
    </rPh>
    <rPh sb="7" eb="9">
      <t>ジョウキョウ</t>
    </rPh>
    <phoneticPr fontId="2"/>
  </si>
  <si>
    <t>（条例第49条）</t>
    <phoneticPr fontId="2"/>
  </si>
  <si>
    <t>(法第33条の18)</t>
    <phoneticPr fontId="2"/>
  </si>
  <si>
    <t>食事の提供に要する費用及び光熱水費（特定入所障害児食費等給付費が入所給付決定保護者に支給された場合は、法施行令第27条の６第１項に規定する食費等の基準費用額（当該特定入所障害児食費等給付費が入所給付決定保護者に代わり当該指定施設に支払われた場合は、食費等の負担限度額を限度とする。）</t>
    <rPh sb="51" eb="52">
      <t>ホウ</t>
    </rPh>
    <phoneticPr fontId="2"/>
  </si>
  <si>
    <t>当該事業に係る障害児入所給付費の請求に関する事項（体制届により速やかに）</t>
    <rPh sb="0" eb="2">
      <t>トウガイ</t>
    </rPh>
    <rPh sb="2" eb="4">
      <t>ジギョウ</t>
    </rPh>
    <rPh sb="5" eb="6">
      <t>カカ</t>
    </rPh>
    <rPh sb="7" eb="9">
      <t>ショウガイ</t>
    </rPh>
    <rPh sb="9" eb="10">
      <t>ジ</t>
    </rPh>
    <rPh sb="10" eb="12">
      <t>ニュウショ</t>
    </rPh>
    <rPh sb="12" eb="14">
      <t>キュウフ</t>
    </rPh>
    <rPh sb="14" eb="15">
      <t>ヒ</t>
    </rPh>
    <rPh sb="16" eb="18">
      <t>セイキュウ</t>
    </rPh>
    <rPh sb="19" eb="20">
      <t>カン</t>
    </rPh>
    <rPh sb="22" eb="24">
      <t>ジコウ</t>
    </rPh>
    <rPh sb="25" eb="27">
      <t>タイセイ</t>
    </rPh>
    <rPh sb="27" eb="28">
      <t>トドケ</t>
    </rPh>
    <rPh sb="31" eb="32">
      <t>スミ</t>
    </rPh>
    <phoneticPr fontId="2"/>
  </si>
  <si>
    <t>（神奈川県立施設を除く。）</t>
    <rPh sb="1" eb="6">
      <t>カナガワケンリツ</t>
    </rPh>
    <rPh sb="6" eb="8">
      <t>シセツ</t>
    </rPh>
    <rPh sb="9" eb="10">
      <t>ノゾ</t>
    </rPh>
    <phoneticPr fontId="2"/>
  </si>
  <si>
    <t>心理指導担当職員は、学校教育法の規定による大学（短期大学を除く。）若しくは大学院において、心理学を専修する学科、研究科若しくはこれに相当する課程を修めて卒業した者であって、個人及び集団心理療法の技術を有するもの又はこれと同等以上の能力を有すると認められる者であるか。</t>
    <phoneticPr fontId="2"/>
  </si>
  <si>
    <t>入所支援計画の作成に係る会議は、テレビ電話装置等を活用して行うことができる。</t>
    <phoneticPr fontId="2"/>
  </si>
  <si>
    <t>事業主が職場における性的な言動に起因する問題に関して雇用管理上講ずべき措置等についての指針（平成18 年厚生労働省告示第615 号）を参照</t>
    <rPh sb="67" eb="69">
      <t>サンショウ</t>
    </rPh>
    <phoneticPr fontId="2"/>
  </si>
  <si>
    <t>業務継続計画の策定等</t>
    <phoneticPr fontId="2"/>
  </si>
  <si>
    <t>感染症に係る業務継続計画</t>
    <phoneticPr fontId="2"/>
  </si>
  <si>
    <t>平時からの備え（体制構築・整備、感染症防止に向けた取組の実施、備蓄品の確保等）</t>
    <phoneticPr fontId="2"/>
  </si>
  <si>
    <t>初動対応</t>
    <phoneticPr fontId="2"/>
  </si>
  <si>
    <t>感染拡大防止体制の確立（保健所との連携、濃厚接触者への対応、関係者との情報共有等）</t>
    <phoneticPr fontId="2"/>
  </si>
  <si>
    <t>「障害福祉サービス事業所等における新型コロナウイルス感染症発生時の業務継続ガイドライン」を参照。</t>
    <rPh sb="45" eb="47">
      <t>サンショウ</t>
    </rPh>
    <phoneticPr fontId="2"/>
  </si>
  <si>
    <t>災害に係る業務継続計画</t>
    <rPh sb="0" eb="2">
      <t>サイガイ</t>
    </rPh>
    <phoneticPr fontId="2"/>
  </si>
  <si>
    <t>平常時の対応（建物・設備の安全対策、電気・水道等のライフラインが停止した場合の対策、必要品の備蓄等）</t>
    <phoneticPr fontId="2"/>
  </si>
  <si>
    <t>緊急時の対応（業務継続計画発動基準、対応体制等）</t>
    <phoneticPr fontId="2"/>
  </si>
  <si>
    <t>他施設及び地域との連携</t>
    <phoneticPr fontId="2"/>
  </si>
  <si>
    <t>想定される災害等は地域によって異なるものであることから、項目については実態に応じて設定すること。</t>
    <phoneticPr fontId="2"/>
  </si>
  <si>
    <t>感染症及び災害の業務継続計画を一体的に策定してもよい。</t>
    <phoneticPr fontId="2"/>
  </si>
  <si>
    <t>感染症の業務継続計画に係る訓練については、感染症の予防及びまん延の防止のための訓練と一体的に実施してもよい。</t>
    <phoneticPr fontId="2"/>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2"/>
  </si>
  <si>
    <t>感染対策担当者は看護師であることが望ましい。</t>
    <phoneticPr fontId="2"/>
  </si>
  <si>
    <t>平常時の対策</t>
    <phoneticPr fontId="2"/>
  </si>
  <si>
    <t>発生時の対応</t>
    <phoneticPr fontId="2"/>
  </si>
  <si>
    <t>発生状況の把握</t>
    <phoneticPr fontId="2"/>
  </si>
  <si>
    <t>感染拡大の防止</t>
    <phoneticPr fontId="2"/>
  </si>
  <si>
    <t>医療処置</t>
    <phoneticPr fontId="2"/>
  </si>
  <si>
    <t>行政への報告</t>
    <phoneticPr fontId="2"/>
  </si>
  <si>
    <t>上記関係機関への連絡体制</t>
    <rPh sb="0" eb="2">
      <t>ジョウキ</t>
    </rPh>
    <rPh sb="2" eb="4">
      <t>カンケイ</t>
    </rPh>
    <rPh sb="4" eb="6">
      <t>キカン</t>
    </rPh>
    <phoneticPr fontId="2"/>
  </si>
  <si>
    <t>それぞれの項目の記載内容の例については、「障害福祉サービス施設・事業所職員のための感染対策マニュアル」も踏まえて検討すること。</t>
    <phoneticPr fontId="2"/>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身体拘束適正化検討委員会は、事業所単位でなく、法人単位で設置することができる。</t>
    <phoneticPr fontId="2"/>
  </si>
  <si>
    <t>指針の項目</t>
    <rPh sb="0" eb="2">
      <t>シシン</t>
    </rPh>
    <rPh sb="3" eb="5">
      <t>コウモク</t>
    </rPh>
    <phoneticPr fontId="2"/>
  </si>
  <si>
    <t>身体拘束等の適正化のための職員研修に関する基本方針</t>
    <phoneticPr fontId="2"/>
  </si>
  <si>
    <t>身体拘束等発生時の対応に関する基本方針</t>
    <phoneticPr fontId="2"/>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2"/>
  </si>
  <si>
    <t>上記に規定する事項を記載した書面を施設に備え付け、いつでも関係者に自由に閲覧させることにより、上記の掲示に代えることができる。</t>
    <rPh sb="0" eb="2">
      <t>ジョウキ</t>
    </rPh>
    <rPh sb="47" eb="49">
      <t>ジョウキ</t>
    </rPh>
    <phoneticPr fontId="2"/>
  </si>
  <si>
    <t>施設における身体拘束等の適正化に関する基本的な考え方</t>
  </si>
  <si>
    <t>身体拘束適正化検討委員会その他施設内の組織に関する事項</t>
  </si>
  <si>
    <t>施設内で発生した身体拘束等の報告方法等の方策に関する基本方針</t>
  </si>
  <si>
    <t>身体的拘束等の適正化のための研修は、施設内で実施する職員研修でよい。</t>
  </si>
  <si>
    <t>当該措置の概要については、利用申込者にサービスの内容を説明する文書に記載し、施設に掲示することが望ましい。</t>
  </si>
  <si>
    <t>事業所の管理者や虐待防止担当者（必置）が参画していれば、虐待防止委員会開催の必要人数について、最低人数は問わないが、委員会での検討結果を従業者に周知徹底しなければならない。</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虐待防止のための職員研修に関する基本方針</t>
    <rPh sb="0" eb="2">
      <t>ギャクタイ</t>
    </rPh>
    <rPh sb="2" eb="4">
      <t>ボウシ</t>
    </rPh>
    <phoneticPr fontId="2"/>
  </si>
  <si>
    <t>虐待発生時の対応に関する基本方針</t>
    <rPh sb="0" eb="2">
      <t>ギャクタイ</t>
    </rPh>
    <phoneticPr fontId="2"/>
  </si>
  <si>
    <t>虐待防止委員会その他施設内の組織に関する事項</t>
    <rPh sb="0" eb="2">
      <t>ギャクタイ</t>
    </rPh>
    <rPh sb="2" eb="4">
      <t>ボウシ</t>
    </rPh>
    <rPh sb="10" eb="12">
      <t>シセツ</t>
    </rPh>
    <phoneticPr fontId="2"/>
  </si>
  <si>
    <t>施設における虐待防止に関する基本的な考え方</t>
    <rPh sb="0" eb="2">
      <t>シセツ</t>
    </rPh>
    <rPh sb="6" eb="8">
      <t>ギャクタイ</t>
    </rPh>
    <rPh sb="8" eb="10">
      <t>ボウシ</t>
    </rPh>
    <phoneticPr fontId="2"/>
  </si>
  <si>
    <t>施設内で発生した虐待の報告方法等の方策に関する基本方針</t>
    <rPh sb="0" eb="2">
      <t>シセツ</t>
    </rPh>
    <rPh sb="8" eb="10">
      <t>ギャクタイ</t>
    </rPh>
    <phoneticPr fontId="2"/>
  </si>
  <si>
    <t>障害児又はその家族等に対する当該指針の閲覧に関する基本方針</t>
    <rPh sb="0" eb="3">
      <t>ショウガイジ</t>
    </rPh>
    <rPh sb="3" eb="4">
      <t>マタ</t>
    </rPh>
    <rPh sb="7" eb="10">
      <t>カゾクトウ</t>
    </rPh>
    <phoneticPr fontId="2"/>
  </si>
  <si>
    <t>障害児又はその家族等に対する当該指針の閲覧に関する基本方針</t>
    <phoneticPr fontId="2"/>
  </si>
  <si>
    <t>虐待防止のための研修は、事業所内で実施する職員研修及び協議会又は基幹相談支援センター等が実施する研修に施設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3">
      <t>シセツ</t>
    </rPh>
    <rPh sb="54" eb="56">
      <t>サンカ</t>
    </rPh>
    <rPh sb="58" eb="60">
      <t>バアイ</t>
    </rPh>
    <rPh sb="62" eb="64">
      <t>ジッシ</t>
    </rPh>
    <phoneticPr fontId="2"/>
  </si>
  <si>
    <t>セクシュアルハラスメントについては、上司や同僚に限らず、保護者等から受けるものも含まれることに留意すること。</t>
    <rPh sb="28" eb="31">
      <t>ホゴシャ</t>
    </rPh>
    <phoneticPr fontId="2"/>
  </si>
  <si>
    <t>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2"/>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2"/>
  </si>
  <si>
    <t>事業所外の感染管理等の専門家を委員として積極的に活用することが望ましい。</t>
    <phoneticPr fontId="2"/>
  </si>
  <si>
    <t>事業所内の衛生管理（環境の整備、排泄物の処理、血液・体液の処理等）</t>
    <phoneticPr fontId="2"/>
  </si>
  <si>
    <t>医療機関や保健所、市町村における事業所関係課等の関係機関との連携</t>
    <phoneticPr fontId="2"/>
  </si>
  <si>
    <t>発生時における事業所内の連絡体制</t>
    <phoneticPr fontId="2"/>
  </si>
  <si>
    <t>感染症及び食中毒の予防及びまん延の防止のための研修は、事業所内で実施する職員研修でよい。</t>
    <phoneticPr fontId="2"/>
  </si>
  <si>
    <t>留意点</t>
    <rPh sb="0" eb="3">
      <t>リュウイテン</t>
    </rPh>
    <phoneticPr fontId="2"/>
  </si>
  <si>
    <t>空調設備等により事業所内の適温の確保に努めているか。</t>
    <phoneticPr fontId="2"/>
  </si>
  <si>
    <t>指定入所支援に関する記録</t>
    <phoneticPr fontId="2"/>
  </si>
  <si>
    <t>ア</t>
    <phoneticPr fontId="2"/>
  </si>
  <si>
    <t>入所支援援計画</t>
    <phoneticPr fontId="2"/>
  </si>
  <si>
    <t>イ</t>
    <phoneticPr fontId="2"/>
  </si>
  <si>
    <t>提供した指定入所支援にかかる必要な事項の提供の記録</t>
    <phoneticPr fontId="2"/>
  </si>
  <si>
    <t>ウ</t>
    <phoneticPr fontId="2"/>
  </si>
  <si>
    <t>身体的拘束等の記録</t>
    <rPh sb="2" eb="3">
      <t>テキ</t>
    </rPh>
    <phoneticPr fontId="2"/>
  </si>
  <si>
    <t>エ</t>
    <phoneticPr fontId="2"/>
  </si>
  <si>
    <t>苦情の内容等の記録</t>
    <phoneticPr fontId="2"/>
  </si>
  <si>
    <t>オ</t>
    <phoneticPr fontId="2"/>
  </si>
  <si>
    <t>事故の状況及び事故に際して採った処置についての記録</t>
    <phoneticPr fontId="2"/>
  </si>
  <si>
    <t>都道府県への通知に係る記録</t>
    <phoneticPr fontId="2"/>
  </si>
  <si>
    <t>※</t>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社会福祉施設、介護保険施設等におけるノロウイルスによる感染性胃腸炎及び食中毒の発生・まん延防止策の一層の</t>
    <phoneticPr fontId="2"/>
  </si>
  <si>
    <t>　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児童指導員及び保育士</t>
    <rPh sb="1" eb="3">
      <t>ジドウ</t>
    </rPh>
    <rPh sb="3" eb="6">
      <t>シドウイン</t>
    </rPh>
    <rPh sb="6" eb="7">
      <t>オヨ</t>
    </rPh>
    <rPh sb="8" eb="11">
      <t>ホイクシ</t>
    </rPh>
    <phoneticPr fontId="2"/>
  </si>
  <si>
    <t>児童指導員及び保育士の員数</t>
    <rPh sb="11" eb="13">
      <t>インスウ</t>
    </rPh>
    <phoneticPr fontId="2"/>
  </si>
  <si>
    <t>児童指導員・保育士は、各１以上配置しているか。</t>
    <rPh sb="0" eb="2">
      <t>ジドウ</t>
    </rPh>
    <rPh sb="2" eb="5">
      <t>シドウイン</t>
    </rPh>
    <rPh sb="6" eb="8">
      <t>ホイク</t>
    </rPh>
    <rPh sb="8" eb="9">
      <t>シ</t>
    </rPh>
    <rPh sb="11" eb="12">
      <t>カク</t>
    </rPh>
    <rPh sb="13" eb="15">
      <t>イジョウ</t>
    </rPh>
    <rPh sb="15" eb="17">
      <t>ハイチ</t>
    </rPh>
    <phoneticPr fontId="2"/>
  </si>
  <si>
    <t>児童指導員及び保育士の総数</t>
    <phoneticPr fontId="2"/>
  </si>
  <si>
    <t>障害児入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rPh sb="69" eb="70">
      <t>トウ</t>
    </rPh>
    <phoneticPr fontId="2"/>
  </si>
  <si>
    <t xml:space="preserve"> 「その他の日常生活費」の受領は、利用者に事前に十分な説明を行い、その同意を得ているか。</t>
    <phoneticPr fontId="2"/>
  </si>
  <si>
    <t xml:space="preserve"> 「その他の日常生活費」の受領は、その対象となる便宜を行うための実費相当額の範囲内で行われているか。</t>
    <rPh sb="13" eb="15">
      <t>ジュリョウ</t>
    </rPh>
    <phoneticPr fontId="2"/>
  </si>
  <si>
    <t>(条例第36条の２）</t>
    <phoneticPr fontId="2"/>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2"/>
  </si>
  <si>
    <t>利用者やその家族、専門的な知見のある外部の第三者等が虐待防止委員会の構成員となるよう努めているか。</t>
    <rPh sb="42" eb="43">
      <t>ツト</t>
    </rPh>
    <phoneticPr fontId="2"/>
  </si>
  <si>
    <t>その他身体拘束等の適正化の推進のために必要な基本方針</t>
    <phoneticPr fontId="2"/>
  </si>
  <si>
    <t>その他虐待防止の推進のために必要な基本方針</t>
    <rPh sb="3" eb="5">
      <t>ギャクタイ</t>
    </rPh>
    <rPh sb="5" eb="7">
      <t>ボウシ</t>
    </rPh>
    <phoneticPr fontId="2"/>
  </si>
  <si>
    <t>施設に自動体外式除細動器（ＡＥＤ）を設置するよう努めているか。
または、施設の近隣にＡＥＤが設置され、緊急時に使用できるよう、地域においてその体制や連携を構築に努めているか。</t>
    <rPh sb="24" eb="25">
      <t>ツト</t>
    </rPh>
    <rPh sb="80" eb="81">
      <t>ツト</t>
    </rPh>
    <phoneticPr fontId="2"/>
  </si>
  <si>
    <t>救命講習等を受講するよう努めているか。</t>
    <phoneticPr fontId="2"/>
  </si>
  <si>
    <t>１ヶ月以内に、障害福祉情報サービスかながわ（アドレス：jiritsu.shien@rakuraku.or.jp）からメールが届いているか。</t>
    <rPh sb="2" eb="3">
      <t>ゲツ</t>
    </rPh>
    <rPh sb="3" eb="5">
      <t>イナイ</t>
    </rPh>
    <rPh sb="62" eb="63">
      <t>トド</t>
    </rPh>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2"/>
  </si>
  <si>
    <t>「障害福祉サービス事業所等における自然災害発生時の業務継続ガイドライン」を参照。</t>
    <rPh sb="37" eb="39">
      <t>サンショウ</t>
    </rPh>
    <phoneticPr fontId="2"/>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虐待防止委員会は、テレビ電話装置等を活用して行うことができる。</t>
    <phoneticPr fontId="2"/>
  </si>
  <si>
    <r>
      <t>従業者等が、従業者等でなくなった後においてもこれらの秘密を保持すべき旨を、従業者との雇用時等に取り決</t>
    </r>
    <r>
      <rPr>
        <sz val="11"/>
        <rFont val="ＭＳ Ｐゴシック"/>
        <family val="3"/>
        <charset val="128"/>
      </rPr>
      <t>めるなどの措置を講じているか。</t>
    </r>
    <phoneticPr fontId="2"/>
  </si>
  <si>
    <t>日頃から地域住民との密接な連携体制を確保するなど、訓練の実施に協力を得られる体制づくりに努めているか。</t>
    <phoneticPr fontId="2"/>
  </si>
  <si>
    <t>訓練の実施に当たっては、消防関係者の参加を促し、具体的な指示を仰ぐなど、より実効性のあるものとしているか。</t>
    <phoneticPr fontId="2"/>
  </si>
  <si>
    <t>（入所定員51人以上の指定福祉型障害児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6">
      <t>フクシガタ</t>
    </rPh>
    <rPh sb="16" eb="19">
      <t>ショウガイジ</t>
    </rPh>
    <rPh sb="19" eb="21">
      <t>ニュウショ</t>
    </rPh>
    <rPh sb="21" eb="23">
      <t>シセツ</t>
    </rPh>
    <phoneticPr fontId="2"/>
  </si>
  <si>
    <t>直近の過去３月間の障害児の延べ数が入所定員に開所日数を乗じて得た数に105％を乗じて得た数以下となっているか。</t>
    <rPh sb="0" eb="2">
      <t>チョッキン</t>
    </rPh>
    <rPh sb="9" eb="12">
      <t>ショウガイジ</t>
    </rPh>
    <rPh sb="17" eb="19">
      <t>ニュウショ</t>
    </rPh>
    <rPh sb="22" eb="24">
      <t>カイショ</t>
    </rPh>
    <rPh sb="24" eb="26">
      <t>ニッスウ</t>
    </rPh>
    <rPh sb="27" eb="28">
      <t>ジョウ</t>
    </rPh>
    <rPh sb="30" eb="31">
      <t>エ</t>
    </rPh>
    <rPh sb="32" eb="33">
      <t>カズ</t>
    </rPh>
    <rPh sb="39" eb="40">
      <t>ジョウ</t>
    </rPh>
    <rPh sb="42" eb="43">
      <t>エ</t>
    </rPh>
    <rPh sb="44" eb="45">
      <t>カズ</t>
    </rPh>
    <rPh sb="45" eb="47">
      <t>イカ</t>
    </rPh>
    <phoneticPr fontId="2"/>
  </si>
  <si>
    <t>※ 乳児：満一歳に満たない者
　  幼児：満一歳から、小学校就学の始期に達するまでの者
　  少年：小学校就学の始期から、満18歳に達するまでの者</t>
    <phoneticPr fontId="2"/>
  </si>
  <si>
    <t>（令和２年12月14日付け社会・援護局障害保健福祉部企画課外事務連絡）</t>
    <rPh sb="11" eb="12">
      <t>ヅ</t>
    </rPh>
    <rPh sb="13" eb="15">
      <t>シャカイ</t>
    </rPh>
    <rPh sb="29" eb="30">
      <t>ホカ</t>
    </rPh>
    <rPh sb="30" eb="32">
      <t>ジム</t>
    </rPh>
    <phoneticPr fontId="2"/>
  </si>
  <si>
    <t xml:space="preserve">
指定障害児入所施設等自己点検シート</t>
    <rPh sb="1" eb="3">
      <t>シテイ</t>
    </rPh>
    <rPh sb="3" eb="5">
      <t>ショウガイ</t>
    </rPh>
    <rPh sb="5" eb="6">
      <t>ジ</t>
    </rPh>
    <rPh sb="6" eb="8">
      <t>ニュウショ</t>
    </rPh>
    <rPh sb="8" eb="10">
      <t>シセツ</t>
    </rPh>
    <rPh sb="10" eb="11">
      <t>トウ</t>
    </rPh>
    <rPh sb="11" eb="13">
      <t>ジコ</t>
    </rPh>
    <rPh sb="13" eb="15">
      <t>テンケン</t>
    </rPh>
    <phoneticPr fontId="2"/>
  </si>
  <si>
    <t>児童相談所等における障害児の入所前の健康診断</t>
    <phoneticPr fontId="2"/>
  </si>
  <si>
    <t>障害児が通学する学校における健康診断</t>
    <phoneticPr fontId="2"/>
  </si>
  <si>
    <t>入所時の健康診断</t>
    <phoneticPr fontId="2"/>
  </si>
  <si>
    <t>定期の健康診断又は臨時の健康診断</t>
    <phoneticPr fontId="2"/>
  </si>
  <si>
    <t>障害者虐待防止の取組みについては、令和４年４月１日からの義務化となりました。</t>
    <rPh sb="0" eb="3">
      <t>ショウガイシャ</t>
    </rPh>
    <rPh sb="3" eb="5">
      <t>ギャクタイ</t>
    </rPh>
    <rPh sb="5" eb="7">
      <t>ボウシ</t>
    </rPh>
    <rPh sb="8" eb="10">
      <t>トリク</t>
    </rPh>
    <phoneticPr fontId="2"/>
  </si>
  <si>
    <t>身体拘束適正化検討委員会は、身体拘束等について報告するための様式を整備しているか。</t>
    <phoneticPr fontId="2"/>
  </si>
  <si>
    <t>従業者は、身体拘束等の発生ごとにその状況、背景等を記録するとともに、上記様式に従い、身体拘束等について身体拘束適正化検討委員会に報告しているか。</t>
    <rPh sb="34" eb="36">
      <t>ジョウキ</t>
    </rPh>
    <phoneticPr fontId="2"/>
  </si>
  <si>
    <t>身体拘束適正化検討委員会は、上記の報告事例を集計し、分析しているか。</t>
    <rPh sb="14" eb="16">
      <t>ジョウキ</t>
    </rPh>
    <phoneticPr fontId="2"/>
  </si>
  <si>
    <t>身体拘束適正化検討委員会は、身体拘束等の発生時の状況等を分析し、身体拘束等の発生原因、結果等をとりまとめ、当該事例の適正性と適正化策を検討しているか。</t>
    <phoneticPr fontId="2"/>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2"/>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2"/>
  </si>
  <si>
    <t>身体的拘束等の適正化のための指針に基づいた研修プログラムを作成の上、年１回以上定期的な研修を実施しているか。</t>
    <rPh sb="32" eb="33">
      <t>ウエ</t>
    </rPh>
    <phoneticPr fontId="2"/>
  </si>
  <si>
    <t>従業者を新規採用した際には、必ず身体拘束等の適正化のための研修を実施しているか。</t>
    <rPh sb="0" eb="3">
      <t>ジュウギョウシャ</t>
    </rPh>
    <rPh sb="10" eb="11">
      <t>サイ</t>
    </rPh>
    <phoneticPr fontId="2"/>
  </si>
  <si>
    <t>身体拘束等の適正化のための研修の実施内容について記録しているか。</t>
    <phoneticPr fontId="2"/>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34" eb="35">
      <t>ヒ</t>
    </rPh>
    <phoneticPr fontId="2"/>
  </si>
  <si>
    <t>虐待防止のための計画づくり（虐待防止の研修、労働環境・条件を確認・改善するための実施計画づくり、指針の作成）を行っているか。</t>
    <rPh sb="55" eb="56">
      <t>オコナ</t>
    </rPh>
    <phoneticPr fontId="2"/>
  </si>
  <si>
    <t>虐待防止のチェックとモニタリング（虐待が起こりやすい職場環境の確認等）を実施しているか。</t>
    <rPh sb="36" eb="38">
      <t>ジッシ</t>
    </rPh>
    <phoneticPr fontId="2"/>
  </si>
  <si>
    <t>虐待発生後の検証と再発防止策の検討（虐待やその疑いが生じた場合、事案検証の上、再発防止策を検討、実行）を実施しているか。</t>
    <rPh sb="52" eb="54">
      <t>ジッシ</t>
    </rPh>
    <phoneticPr fontId="2"/>
  </si>
  <si>
    <t>虐待防止委員会は、構成員の責務及び役割分担を明確にしているか。また、専任の虐待防止担当者（必置）を決めているか。</t>
    <rPh sb="37" eb="39">
      <t>ギャクタイ</t>
    </rPh>
    <rPh sb="39" eb="41">
      <t>ボウシ</t>
    </rPh>
    <rPh sb="41" eb="44">
      <t>タントウシャ</t>
    </rPh>
    <rPh sb="45" eb="47">
      <t>ヒッチ</t>
    </rPh>
    <phoneticPr fontId="2"/>
  </si>
  <si>
    <t>虐待防止委員会は、虐待（不適切な対応事例も含む。）が発生した場合、当該事案について報告するための様式を整備しているか。</t>
    <rPh sb="21" eb="22">
      <t>フク</t>
    </rPh>
    <phoneticPr fontId="2"/>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2"/>
  </si>
  <si>
    <t>虐待防止委員会は、上記の報告事例を集計し、分析しているか。</t>
    <rPh sb="9" eb="11">
      <t>ジョウキ</t>
    </rPh>
    <phoneticPr fontId="2"/>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2"/>
  </si>
  <si>
    <t>虐待防止委員会は、労働環境・条件について確認するための様式を整備するとともに、当該様式に従い作成された内容を集計、報告し、分析しているか。</t>
    <phoneticPr fontId="2"/>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2"/>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2"/>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2"/>
  </si>
  <si>
    <t>従業者を新規採用した際には、必ず虐待防止の研修を実施しているか。</t>
    <rPh sb="0" eb="3">
      <t>ジュウギョウシャ</t>
    </rPh>
    <rPh sb="10" eb="11">
      <t>サイ</t>
    </rPh>
    <rPh sb="16" eb="18">
      <t>ギャクタイ</t>
    </rPh>
    <rPh sb="18" eb="20">
      <t>ボウシ</t>
    </rPh>
    <phoneticPr fontId="2"/>
  </si>
  <si>
    <t>虐待防止のための研修の実施内容について記録しているか。</t>
    <rPh sb="0" eb="2">
      <t>ギャクタイ</t>
    </rPh>
    <rPh sb="2" eb="4">
      <t>ボウシ</t>
    </rPh>
    <rPh sb="8" eb="10">
      <t>ケンシュウ</t>
    </rPh>
    <phoneticPr fontId="2"/>
  </si>
  <si>
    <t>虐待防止のための担当者として、児童発達支援管理責任者等を配置しているか。</t>
    <rPh sb="15" eb="17">
      <t>ジドウ</t>
    </rPh>
    <rPh sb="17" eb="19">
      <t>ハッタツ</t>
    </rPh>
    <rPh sb="19" eb="21">
      <t>シエン</t>
    </rPh>
    <rPh sb="21" eb="23">
      <t>カンリ</t>
    </rPh>
    <rPh sb="23" eb="26">
      <t>セキニンシャ</t>
    </rPh>
    <phoneticPr fontId="2"/>
  </si>
  <si>
    <t>障害者虐待防止の取組については、令和４年４月１日から義務化となりました。</t>
    <rPh sb="0" eb="3">
      <t>ショウガイシャ</t>
    </rPh>
    <rPh sb="3" eb="5">
      <t>ギャクタイ</t>
    </rPh>
    <rPh sb="5" eb="7">
      <t>ボウシ</t>
    </rPh>
    <rPh sb="8" eb="10">
      <t>トリクミ</t>
    </rPh>
    <phoneticPr fontId="2"/>
  </si>
  <si>
    <t>（条例第４条）</t>
    <phoneticPr fontId="2"/>
  </si>
  <si>
    <t>（条例第５条）</t>
    <phoneticPr fontId="2"/>
  </si>
  <si>
    <t>通じておおむね障害児の数を4で除して得た数以上（35人以下の障害児を入所させる施設にあっては、当該数に１を加えた数以上）</t>
    <phoneticPr fontId="2"/>
  </si>
  <si>
    <t>心理指導を行う必要があると認められる障害児５人以上に心理指導を行う場合には､心理指導担当職員を置いているか｡</t>
    <phoneticPr fontId="2"/>
  </si>
  <si>
    <t>（条例第６条）</t>
    <phoneticPr fontId="2"/>
  </si>
  <si>
    <t>定員は４人以下</t>
    <rPh sb="0" eb="2">
      <t>テイイン</t>
    </rPh>
    <rPh sb="4" eb="5">
      <t>ニン</t>
    </rPh>
    <rPh sb="5" eb="7">
      <t>イカ</t>
    </rPh>
    <phoneticPr fontId="2"/>
  </si>
  <si>
    <t>障害児１人当たりの床面積は、4.95㎡以上</t>
    <phoneticPr fontId="2"/>
  </si>
  <si>
    <t>乳児又は幼児のみの居室の定員は、６人以下、１人当たりの床面積は3.3㎡以上</t>
    <rPh sb="0" eb="2">
      <t>ニュウジ</t>
    </rPh>
    <rPh sb="2" eb="3">
      <t>マタ</t>
    </rPh>
    <rPh sb="4" eb="6">
      <t>ヨウジ</t>
    </rPh>
    <phoneticPr fontId="2"/>
  </si>
  <si>
    <t>（条例第７条）</t>
    <phoneticPr fontId="2"/>
  </si>
  <si>
    <t>（条例第８条）</t>
    <phoneticPr fontId="2"/>
  </si>
  <si>
    <t>（条例第９条）</t>
    <phoneticPr fontId="2"/>
  </si>
  <si>
    <t>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0" eb="2">
      <t>ジョウキ</t>
    </rPh>
    <rPh sb="3" eb="4">
      <t>カカ</t>
    </rPh>
    <rPh sb="14" eb="16">
      <t>ニュウショ</t>
    </rPh>
    <rPh sb="16" eb="18">
      <t>シエン</t>
    </rPh>
    <rPh sb="67" eb="69">
      <t>ニュウショ</t>
    </rPh>
    <rPh sb="69" eb="71">
      <t>キュウフ</t>
    </rPh>
    <rPh sb="71" eb="73">
      <t>ケッテイ</t>
    </rPh>
    <rPh sb="73" eb="76">
      <t>ホゴシャ</t>
    </rPh>
    <phoneticPr fontId="2"/>
  </si>
  <si>
    <t>主として知的障害のある児童を入所させる施設においては、随時心理学的及び精神医学的診査を行っているか。</t>
    <phoneticPr fontId="2"/>
  </si>
  <si>
    <t>（入所定員50人以下の指定福祉型障害児入所施設の場合）
 １日当たりの障害児の数（法第27条第1項第３号の措置により入所している児童の数を含む）が、入所定員に110％を乗じて得た数以下となっているか。</t>
    <rPh sb="1" eb="3">
      <t>ニュウショ</t>
    </rPh>
    <rPh sb="3" eb="5">
      <t>テイイン</t>
    </rPh>
    <rPh sb="13" eb="16">
      <t>フクシガタ</t>
    </rPh>
    <rPh sb="16" eb="19">
      <t>ショウガイジ</t>
    </rPh>
    <rPh sb="19" eb="21">
      <t>ニュウショ</t>
    </rPh>
    <rPh sb="21" eb="23">
      <t>シセツ</t>
    </rPh>
    <rPh sb="35" eb="38">
      <t>ショウガイジ</t>
    </rPh>
    <rPh sb="41" eb="42">
      <t>ホウ</t>
    </rPh>
    <rPh sb="42" eb="43">
      <t>ダイ</t>
    </rPh>
    <rPh sb="45" eb="46">
      <t>ジョウ</t>
    </rPh>
    <rPh sb="46" eb="47">
      <t>ダイ</t>
    </rPh>
    <rPh sb="48" eb="49">
      <t>コウ</t>
    </rPh>
    <rPh sb="49" eb="50">
      <t>ダイ</t>
    </rPh>
    <rPh sb="51" eb="52">
      <t>ゴウ</t>
    </rPh>
    <rPh sb="53" eb="55">
      <t>ソチ</t>
    </rPh>
    <rPh sb="58" eb="60">
      <t>ニュウショ</t>
    </rPh>
    <rPh sb="64" eb="66">
      <t>ジドウ</t>
    </rPh>
    <rPh sb="67" eb="68">
      <t>カズ</t>
    </rPh>
    <rPh sb="69" eb="70">
      <t>フク</t>
    </rPh>
    <rPh sb="74" eb="76">
      <t>ニュウショ</t>
    </rPh>
    <rPh sb="76" eb="78">
      <t>テイイン</t>
    </rPh>
    <rPh sb="84" eb="85">
      <t>ジョウ</t>
    </rPh>
    <rPh sb="87" eb="88">
      <t>エ</t>
    </rPh>
    <rPh sb="89" eb="90">
      <t>カズ</t>
    </rPh>
    <rPh sb="90" eb="92">
      <t>イカ</t>
    </rPh>
    <phoneticPr fontId="2"/>
  </si>
  <si>
    <t>（法施行規則第25条の22）</t>
    <phoneticPr fontId="2"/>
  </si>
  <si>
    <t>(法第24条の19の２　法施行規則第25条の23の２）</t>
    <phoneticPr fontId="2"/>
  </si>
  <si>
    <t xml:space="preserve"> 　利用する障害児の意思及び人格を尊重して、常に障害児の立場に立った指定入所支援の提供に努めているか。</t>
    <rPh sb="2" eb="4">
      <t>リヨウ</t>
    </rPh>
    <phoneticPr fontId="2"/>
  </si>
  <si>
    <t xml:space="preserve"> 　地域及び家庭との結び付きを重視した運営を行い、県、市町村（特別区を含む。以下同じ。）、障害者の日常生活及び社会生活を総合的に支援するための法律に基づく障害福祉サービスを行うもの、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5">
      <t>モト</t>
    </rPh>
    <phoneticPr fontId="2"/>
  </si>
  <si>
    <t xml:space="preserve"> 　障害児の人権の擁護、虐待の防止等のため、必要な体制を整備するとともに、従業者に対し、研修の実施その他の措置を講じるよう努めているか。</t>
    <rPh sb="61" eb="62">
      <t>ツト</t>
    </rPh>
    <phoneticPr fontId="2"/>
  </si>
  <si>
    <t xml:space="preserve"> 　指定福祉型障害児入所施設に置くべき従業者及びその員数は、必要数を配置しているか。</t>
    <rPh sb="30" eb="33">
      <t>ヒツヨウスウ</t>
    </rPh>
    <rPh sb="34" eb="36">
      <t>ハイチ</t>
    </rPh>
    <phoneticPr fontId="2"/>
  </si>
  <si>
    <t xml:space="preserve"> 　１人以上となっているか。</t>
    <rPh sb="3" eb="4">
      <t>ヒト</t>
    </rPh>
    <rPh sb="4" eb="6">
      <t>イジョウ</t>
    </rPh>
    <phoneticPr fontId="2"/>
  </si>
  <si>
    <t xml:space="preserve"> 　施設の区分に応じ、必要数を配置しているか。</t>
    <rPh sb="2" eb="4">
      <t>シセツ</t>
    </rPh>
    <rPh sb="5" eb="7">
      <t>クブン</t>
    </rPh>
    <rPh sb="8" eb="9">
      <t>オウ</t>
    </rPh>
    <rPh sb="11" eb="14">
      <t>ヒツヨウスウ</t>
    </rPh>
    <rPh sb="15" eb="17">
      <t>ハイチ</t>
    </rPh>
    <phoneticPr fontId="2"/>
  </si>
  <si>
    <t xml:space="preserve"> 　児童指導員及び保育士は、次のとおり配置しているか。</t>
    <rPh sb="14" eb="15">
      <t>ツギ</t>
    </rPh>
    <rPh sb="19" eb="21">
      <t>ハイチ</t>
    </rPh>
    <phoneticPr fontId="2"/>
  </si>
  <si>
    <t xml:space="preserve"> 　栄養士の員数は、１以上となっているか。
　（ただし、40人以下の障害児を入所させる施設にあっては、置かないことができる。）</t>
    <rPh sb="2" eb="5">
      <t>エイヨウシ</t>
    </rPh>
    <rPh sb="11" eb="13">
      <t>イジョウ</t>
    </rPh>
    <phoneticPr fontId="2"/>
  </si>
  <si>
    <t xml:space="preserve"> 　調理員の員数は、１以上となっているか。
　（ただし、調理業務の全部を委託する施設にあっては、置かないことができる。  ）</t>
    <rPh sb="2" eb="5">
      <t>チョウリイン</t>
    </rPh>
    <rPh sb="6" eb="8">
      <t>インズウ</t>
    </rPh>
    <rPh sb="11" eb="13">
      <t>イジョウ</t>
    </rPh>
    <phoneticPr fontId="2"/>
  </si>
  <si>
    <t xml:space="preserve"> 　児童発達支援管理責任者は１以上となっているか。</t>
    <phoneticPr fontId="2"/>
  </si>
  <si>
    <t xml:space="preserve"> 　その他、下記の従業者を置いているか。</t>
    <rPh sb="4" eb="5">
      <t>タ</t>
    </rPh>
    <rPh sb="6" eb="8">
      <t>カキ</t>
    </rPh>
    <rPh sb="9" eb="12">
      <t>ジュウギョウシャ</t>
    </rPh>
    <rPh sb="13" eb="14">
      <t>オ</t>
    </rPh>
    <phoneticPr fontId="2"/>
  </si>
  <si>
    <t xml:space="preserve"> 　上記（嘱託医を除く）に規定する従業者は、専ら当該施設の職務に従事する者となっているか。</t>
    <rPh sb="2" eb="4">
      <t>ジョウキ</t>
    </rPh>
    <rPh sb="5" eb="7">
      <t>ショクタク</t>
    </rPh>
    <rPh sb="7" eb="8">
      <t>イ</t>
    </rPh>
    <rPh sb="9" eb="10">
      <t>ノゾ</t>
    </rPh>
    <rPh sb="26" eb="28">
      <t>シセツ</t>
    </rPh>
    <phoneticPr fontId="2"/>
  </si>
  <si>
    <t xml:space="preserve"> 　障害者支援施設の指定を受け、かつ、指定入所支援と施設障害福祉サービスとを同一の施設において一体的に提供している場合には、指定障害者支援施設の人員に関する基準を満たしているか。</t>
    <rPh sb="2" eb="5">
      <t>ショウガイシャ</t>
    </rPh>
    <rPh sb="5" eb="7">
      <t>シエン</t>
    </rPh>
    <rPh sb="7" eb="9">
      <t>シセツ</t>
    </rPh>
    <rPh sb="10" eb="12">
      <t>シテイ</t>
    </rPh>
    <rPh sb="13" eb="14">
      <t>ウ</t>
    </rPh>
    <rPh sb="19" eb="21">
      <t>シテイ</t>
    </rPh>
    <rPh sb="21" eb="23">
      <t>ニュウショ</t>
    </rPh>
    <rPh sb="23" eb="25">
      <t>シエン</t>
    </rPh>
    <rPh sb="26" eb="28">
      <t>シセツ</t>
    </rPh>
    <rPh sb="28" eb="30">
      <t>ショウガイ</t>
    </rPh>
    <rPh sb="30" eb="32">
      <t>フクシ</t>
    </rPh>
    <rPh sb="38" eb="40">
      <t>ドウイツ</t>
    </rPh>
    <rPh sb="41" eb="43">
      <t>シセツ</t>
    </rPh>
    <rPh sb="47" eb="50">
      <t>イッタイテキ</t>
    </rPh>
    <rPh sb="51" eb="53">
      <t>テイキョウ</t>
    </rPh>
    <rPh sb="57" eb="59">
      <t>バアイ</t>
    </rPh>
    <rPh sb="62" eb="64">
      <t>シテイ</t>
    </rPh>
    <rPh sb="64" eb="67">
      <t>ショウガイシャ</t>
    </rPh>
    <rPh sb="67" eb="69">
      <t>シエン</t>
    </rPh>
    <rPh sb="69" eb="71">
      <t>シセツ</t>
    </rPh>
    <rPh sb="72" eb="74">
      <t>ジンイン</t>
    </rPh>
    <rPh sb="75" eb="76">
      <t>カン</t>
    </rPh>
    <rPh sb="78" eb="80">
      <t>キジュン</t>
    </rPh>
    <rPh sb="81" eb="82">
      <t>ミ</t>
    </rPh>
    <phoneticPr fontId="2"/>
  </si>
  <si>
    <t xml:space="preserve"> 　居室、調理室、浴室、便所、医務室、静養室を設けているか。</t>
    <phoneticPr fontId="2"/>
  </si>
  <si>
    <t xml:space="preserve"> 　指定福祉型障害児入所施設の区分に応じ、必要な設備を設けているか。</t>
    <phoneticPr fontId="2"/>
  </si>
  <si>
    <t xml:space="preserve"> 　上記の設備（緩やかな傾斜の階段を除く。）は専ら当該施設の用に供しているか。</t>
    <rPh sb="2" eb="4">
      <t>ジョウキ</t>
    </rPh>
    <rPh sb="5" eb="7">
      <t>セツビ</t>
    </rPh>
    <rPh sb="8" eb="9">
      <t>ユル</t>
    </rPh>
    <rPh sb="12" eb="14">
      <t>ケイシャ</t>
    </rPh>
    <rPh sb="15" eb="17">
      <t>カイダン</t>
    </rPh>
    <rPh sb="18" eb="19">
      <t>ノゾ</t>
    </rPh>
    <phoneticPr fontId="2"/>
  </si>
  <si>
    <t xml:space="preserve"> 　指定障害者支援施設の指定を受け、かつ、指定入所支援と施設障害福祉サービスとを同一の施設において一体的に提供している場合には、指定障害者支援施設の設備に関する基準を満たしているか。</t>
    <rPh sb="2" eb="4">
      <t>シテイ</t>
    </rPh>
    <rPh sb="4" eb="7">
      <t>ショウガイシャ</t>
    </rPh>
    <rPh sb="7" eb="9">
      <t>シエン</t>
    </rPh>
    <rPh sb="9" eb="11">
      <t>シセツ</t>
    </rPh>
    <rPh sb="12" eb="14">
      <t>シテイ</t>
    </rPh>
    <rPh sb="15" eb="16">
      <t>ウ</t>
    </rPh>
    <rPh sb="21" eb="23">
      <t>シテイ</t>
    </rPh>
    <rPh sb="23" eb="25">
      <t>ニュウショ</t>
    </rPh>
    <rPh sb="25" eb="27">
      <t>シエン</t>
    </rPh>
    <rPh sb="28" eb="30">
      <t>シセツ</t>
    </rPh>
    <rPh sb="30" eb="32">
      <t>ショウガイ</t>
    </rPh>
    <rPh sb="32" eb="34">
      <t>フクシ</t>
    </rPh>
    <rPh sb="40" eb="42">
      <t>ドウイツ</t>
    </rPh>
    <rPh sb="43" eb="45">
      <t>シセツ</t>
    </rPh>
    <rPh sb="49" eb="52">
      <t>イッタイテキ</t>
    </rPh>
    <rPh sb="53" eb="55">
      <t>テイキョウ</t>
    </rPh>
    <rPh sb="59" eb="61">
      <t>バアイ</t>
    </rPh>
    <rPh sb="64" eb="66">
      <t>シテイ</t>
    </rPh>
    <rPh sb="66" eb="69">
      <t>ショウガイシャ</t>
    </rPh>
    <rPh sb="69" eb="71">
      <t>シエン</t>
    </rPh>
    <rPh sb="71" eb="73">
      <t>シセツ</t>
    </rPh>
    <rPh sb="74" eb="76">
      <t>セツビ</t>
    </rPh>
    <rPh sb="77" eb="78">
      <t>カン</t>
    </rPh>
    <rPh sb="80" eb="82">
      <t>キジュン</t>
    </rPh>
    <rPh sb="83" eb="84">
      <t>ミ</t>
    </rPh>
    <phoneticPr fontId="2"/>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2"/>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2"/>
  </si>
  <si>
    <t xml:space="preserve"> 　次に記載する正当な理由なく、指定入所支援の提供を拒んでいないか。</t>
    <rPh sb="2" eb="3">
      <t>ツギ</t>
    </rPh>
    <rPh sb="4" eb="6">
      <t>キサイ</t>
    </rPh>
    <rPh sb="16" eb="18">
      <t>シテイ</t>
    </rPh>
    <rPh sb="18" eb="20">
      <t>ニュウショ</t>
    </rPh>
    <rPh sb="20" eb="22">
      <t>シエン</t>
    </rPh>
    <phoneticPr fontId="2"/>
  </si>
  <si>
    <t xml:space="preserve"> 　県（指定都市及び児童相談所設置市を含む。以下同じ。）が行うあっせん、調整及び要請に対し、できる限り協力しているか。</t>
    <phoneticPr fontId="2"/>
  </si>
  <si>
    <t xml:space="preserve"> 　利用申込者に係る障害児が入院治療を必要とする場合その他自ら適切な便宜を供与することが困難である場合は、適切な病院又は診療所の紹介その他の措置を速やかに講じているか。</t>
    <rPh sb="16" eb="18">
      <t>チリョウ</t>
    </rPh>
    <phoneticPr fontId="2"/>
  </si>
  <si>
    <t xml:space="preserve"> 　指定入所支援の提供を求められた場合は、入所受給者証によって、入所給付決定の有無､給付決定期間等を確かめているか。</t>
    <phoneticPr fontId="2"/>
  </si>
  <si>
    <t xml:space="preserve"> 　入所給付決定を受けていない者から入所の申込みがあった場合は、その者の意向を踏まえて速やかに障害児入所給付費の支給の申請が行われるよう必要な援助を行っているか。</t>
    <phoneticPr fontId="2"/>
  </si>
  <si>
    <t xml:space="preserve"> 　入所給付決定に通常要すべき標準的な期間を考慮し、給付決定期間の終了に伴う障害児入所給付費の支給申請について、必要な援助を行っているか。</t>
    <phoneticPr fontId="2"/>
  </si>
  <si>
    <t xml:space="preserve"> 　指定入所支援の提供に当たっては、障害児の心身の状況、その置かれている環境、他の保健医療サービス又は福祉サービスの利用状況等の把握に努めているか。</t>
    <phoneticPr fontId="2"/>
  </si>
  <si>
    <t xml:space="preserve"> 　入所給付決定保護者の居住地の変更が見込まれる場合は、速やかにその居住地の都道府県に連絡しているか。</t>
    <phoneticPr fontId="2"/>
  </si>
  <si>
    <t xml:space="preserve"> 　入所又は退所に際して、入所受給者証に施設の名称、入退所年月日その他の必要事項を記載しているか。</t>
    <phoneticPr fontId="2"/>
  </si>
  <si>
    <t xml:space="preserve"> 　入所受給者証記載事項を遅滞なく都道府県に報告しているか。</t>
    <phoneticPr fontId="2"/>
  </si>
  <si>
    <t xml:space="preserve"> 　入所している障害児の数の変動が見込まれる場合、速やかに県に報告しているか。</t>
    <phoneticPr fontId="2"/>
  </si>
  <si>
    <t xml:space="preserve"> 　指定入所支援を提供した際は、提供日、内容その他必要な事項を、記録しているか。</t>
    <phoneticPr fontId="2"/>
  </si>
  <si>
    <t xml:space="preserve"> 　入所給付決定保護者から指定入所支援を提供したことについて確認を受けているか。</t>
    <phoneticPr fontId="2"/>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2"/>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2"/>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2"/>
  </si>
  <si>
    <t xml:space="preserve"> 　法定代理受領を行わない指定入所支援を提供した際は、入所給付決定保護者から入所利用者負担額のほか、障害児入所給付費の額の支払いを受けているか。</t>
    <rPh sb="38" eb="40">
      <t>ニュウショ</t>
    </rPh>
    <rPh sb="40" eb="42">
      <t>リヨウ</t>
    </rPh>
    <rPh sb="42" eb="43">
      <t>シャ</t>
    </rPh>
    <rPh sb="43" eb="45">
      <t>フタン</t>
    </rPh>
    <rPh sb="45" eb="46">
      <t>ガク</t>
    </rPh>
    <rPh sb="50" eb="53">
      <t>ショウガイジ</t>
    </rPh>
    <rPh sb="53" eb="55">
      <t>ニュウショ</t>
    </rPh>
    <rPh sb="55" eb="57">
      <t>キュウフ</t>
    </rPh>
    <rPh sb="57" eb="58">
      <t>ヒ</t>
    </rPh>
    <rPh sb="59" eb="60">
      <t>ガク</t>
    </rPh>
    <rPh sb="61" eb="63">
      <t>シハラ</t>
    </rPh>
    <rPh sb="65" eb="66">
      <t>ウ</t>
    </rPh>
    <phoneticPr fontId="2"/>
  </si>
  <si>
    <t xml:space="preserve"> 　上記の支払を受ける額のほか、指定入所支援において提供される便宜に要する費用のうち、次に掲げる費用の支払を入所給付決定保護者から受ける場合、受領可能な費用範囲内であり、受領に係る基準を遵守しているか。</t>
    <rPh sb="2" eb="4">
      <t>ジョウキ</t>
    </rPh>
    <rPh sb="54" eb="56">
      <t>ニュウショ</t>
    </rPh>
    <phoneticPr fontId="2"/>
  </si>
  <si>
    <t xml:space="preserve"> 　上記の費用の支払を受けた場合は、支払った入所給付決定保護者に領収証を交付しているか。</t>
    <rPh sb="2" eb="4">
      <t>ジョウキ</t>
    </rPh>
    <rPh sb="5" eb="7">
      <t>ヒヨウ</t>
    </rPh>
    <rPh sb="22" eb="24">
      <t>ニュウショ</t>
    </rPh>
    <rPh sb="24" eb="26">
      <t>キュウフ</t>
    </rPh>
    <phoneticPr fontId="2"/>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2"/>
  </si>
  <si>
    <t xml:space="preserve"> 　食事の提供及び光熱水費に係る利用料について、具体的な内容、金額の設定及び変更に関し、運営規程への記載を行うとともに、見やすい場所に掲示しているか。</t>
    <phoneticPr fontId="2"/>
  </si>
  <si>
    <t xml:space="preserve"> 　食事の提供に要する費用に係る利用料は、食材料費及び調理等に係る費用に相当する額を基本としているか。
ただし、支給決定市町村が認める食事提供体制加算対象者については、食材料費に相当する額となっているか。</t>
    <rPh sb="56" eb="58">
      <t>シキュウ</t>
    </rPh>
    <rPh sb="58" eb="60">
      <t>ケッテイ</t>
    </rPh>
    <rPh sb="60" eb="61">
      <t>シ</t>
    </rPh>
    <rPh sb="61" eb="63">
      <t>チョウソン</t>
    </rPh>
    <rPh sb="64" eb="65">
      <t>ミト</t>
    </rPh>
    <rPh sb="67" eb="69">
      <t>ショクジ</t>
    </rPh>
    <rPh sb="69" eb="71">
      <t>テイキョウ</t>
    </rPh>
    <rPh sb="71" eb="73">
      <t>タイセイ</t>
    </rPh>
    <rPh sb="73" eb="75">
      <t>カサン</t>
    </rPh>
    <rPh sb="75" eb="78">
      <t>タイショウシャ</t>
    </rPh>
    <rPh sb="84" eb="85">
      <t>ショク</t>
    </rPh>
    <rPh sb="85" eb="88">
      <t>ザイリョウヒ</t>
    </rPh>
    <rPh sb="89" eb="91">
      <t>ソウトウ</t>
    </rPh>
    <rPh sb="93" eb="94">
      <t>ガク</t>
    </rPh>
    <phoneticPr fontId="2"/>
  </si>
  <si>
    <t xml:space="preserve"> 　光熱水費に係る利用料は、光熱水費に相当する額となっているか。</t>
    <phoneticPr fontId="2"/>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5" eb="37">
      <t>ショウガイ</t>
    </rPh>
    <rPh sb="37" eb="38">
      <t>ジ</t>
    </rPh>
    <rPh sb="38" eb="40">
      <t>ニュウショ</t>
    </rPh>
    <rPh sb="42" eb="43">
      <t>トウ</t>
    </rPh>
    <rPh sb="92" eb="94">
      <t>チジ</t>
    </rPh>
    <rPh sb="121" eb="123">
      <t>ニュウショ</t>
    </rPh>
    <phoneticPr fontId="2"/>
  </si>
  <si>
    <t xml:space="preserve"> 　法定代理受領により指定入所支援に係る障害児入所給付費の支給を受けた場合には、入所給付決定保護者に対し、障害児入所給付費の額を通知しているか。</t>
    <rPh sb="11" eb="13">
      <t>シテイ</t>
    </rPh>
    <rPh sb="13" eb="15">
      <t>ニュウショ</t>
    </rPh>
    <rPh sb="15" eb="17">
      <t>シエン</t>
    </rPh>
    <rPh sb="18" eb="19">
      <t>カカ</t>
    </rPh>
    <rPh sb="20" eb="23">
      <t>ショウガイジ</t>
    </rPh>
    <rPh sb="23" eb="25">
      <t>ニュウショ</t>
    </rPh>
    <rPh sb="40" eb="42">
      <t>ニュウショ</t>
    </rPh>
    <rPh sb="56" eb="58">
      <t>ニュウショ</t>
    </rPh>
    <phoneticPr fontId="2"/>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2"/>
  </si>
  <si>
    <t xml:space="preserve"> 　入所支援計画に基づき、障害児の心身の状況等に応じて、当該障害児の支援を適切に行うとともに、指定入所支援の提供が漫然かつ画一的なものとならないよう配慮しているか。</t>
    <rPh sb="28" eb="30">
      <t>トウガイ</t>
    </rPh>
    <rPh sb="30" eb="32">
      <t>ショウガイ</t>
    </rPh>
    <rPh sb="32" eb="33">
      <t>ジ</t>
    </rPh>
    <phoneticPr fontId="2"/>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rPh sb="53" eb="55">
      <t>ニュウショ</t>
    </rPh>
    <rPh sb="55" eb="57">
      <t>ケイカク</t>
    </rPh>
    <rPh sb="58" eb="60">
      <t>モクヒョウ</t>
    </rPh>
    <rPh sb="60" eb="61">
      <t>オヨ</t>
    </rPh>
    <rPh sb="62" eb="64">
      <t>ナイヨウ</t>
    </rPh>
    <rPh sb="68" eb="70">
      <t>ギョウジ</t>
    </rPh>
    <rPh sb="70" eb="71">
      <t>オヨ</t>
    </rPh>
    <rPh sb="72" eb="75">
      <t>ニッカトウ</t>
    </rPh>
    <phoneticPr fontId="2"/>
  </si>
  <si>
    <t xml:space="preserve"> 　提供する指定入所支援の質の評価を行い、常にその改善を図っているか。</t>
    <phoneticPr fontId="2"/>
  </si>
  <si>
    <t xml:space="preserve"> 　管理者は、児童発達支援管理責任者に入所支援計画の作成に関する業務を担当させているか。</t>
    <phoneticPr fontId="2"/>
  </si>
  <si>
    <t xml:space="preserve"> 　児童発達支援管理責任者は、入所支援計画の作成に当たって、適切な方法により、障害児についてアセスメントを行い、障害児の発達を支援する上での適切な支援内容の検討をしているか。</t>
    <phoneticPr fontId="2"/>
  </si>
  <si>
    <t xml:space="preserve"> 　アセスメントに当たっては、児童発達支援管理責任者が、面接の趣旨を入所給付決定保護者及び障害児に対して十分に説明し、理解を得たうえで面接して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2"/>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2"/>
  </si>
  <si>
    <t xml:space="preserve"> 　児童発達支援管理責任者は、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8">
      <t>ショウガイジ</t>
    </rPh>
    <rPh sb="22" eb="24">
      <t>シテイ</t>
    </rPh>
    <rPh sb="24" eb="26">
      <t>ニュウショ</t>
    </rPh>
    <rPh sb="26" eb="28">
      <t>シエン</t>
    </rPh>
    <rPh sb="45" eb="47">
      <t>ニュウショ</t>
    </rPh>
    <rPh sb="47" eb="49">
      <t>シエン</t>
    </rPh>
    <rPh sb="64" eb="66">
      <t>ニュウショ</t>
    </rPh>
    <rPh sb="66" eb="68">
      <t>シエン</t>
    </rPh>
    <rPh sb="68" eb="70">
      <t>ケイカク</t>
    </rPh>
    <rPh sb="71" eb="73">
      <t>ゲンアン</t>
    </rPh>
    <phoneticPr fontId="2"/>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2"/>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2"/>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2"/>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2"/>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2"/>
  </si>
  <si>
    <t xml:space="preserve"> 　児童発達支援管理責任者は、入所支援計画の作成等のほかに、次に掲げる業務を行っているか。</t>
    <rPh sb="2" eb="4">
      <t>ジドウ</t>
    </rPh>
    <rPh sb="4" eb="6">
      <t>ハッタツ</t>
    </rPh>
    <rPh sb="6" eb="8">
      <t>シエン</t>
    </rPh>
    <rPh sb="15" eb="17">
      <t>ニュウショ</t>
    </rPh>
    <rPh sb="17" eb="19">
      <t>シエン</t>
    </rPh>
    <rPh sb="19" eb="21">
      <t>ケイカク</t>
    </rPh>
    <phoneticPr fontId="2"/>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2"/>
  </si>
  <si>
    <t xml:space="preserve"> 　居宅において日常生活を営むことができると認められる障害児に対し、入所給付決定保護者及び障害児の希望等を勘案し、必要な援助を行っているか。</t>
    <phoneticPr fontId="2"/>
  </si>
  <si>
    <t xml:space="preserve"> 　常に障害児の心身の状況、置かれている環境等の的確な把握に努め、障害児又はその家族に対し、その相談に適切に応じるとともに、必要な助言その他の援助を行っているか。</t>
    <phoneticPr fontId="2"/>
  </si>
  <si>
    <t xml:space="preserve"> 　障害児の人格に十分配慮し、障害児の心身の状況に応じ、障害児の自立の支援と日常生活の充実に資するよう、適切な技術をもって指導、訓練等を行っているか。</t>
    <rPh sb="6" eb="8">
      <t>ジンカク</t>
    </rPh>
    <rPh sb="9" eb="11">
      <t>ジュウブン</t>
    </rPh>
    <rPh sb="11" eb="13">
      <t>ハイリョ</t>
    </rPh>
    <rPh sb="15" eb="18">
      <t>ショウガイジ</t>
    </rPh>
    <phoneticPr fontId="2"/>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2"/>
  </si>
  <si>
    <t xml:space="preserve"> 　障害児の適性に応じ、障害児ができる限り健全な社会生活を営むことができるよう、より適切に指導、訓練等を行っているか。</t>
    <phoneticPr fontId="2"/>
  </si>
  <si>
    <t xml:space="preserve"> 　障害児に対し、入所給付決定保護者の負担により、当該入所施設の従業者以外の者による指導、訓練等を受けさせていないか。</t>
    <phoneticPr fontId="2"/>
  </si>
  <si>
    <t xml:space="preserve"> 　常時一人以上の従業者を指導、訓練等に従事させているか。</t>
    <phoneticPr fontId="2"/>
  </si>
  <si>
    <t xml:space="preserve"> 　施設内（調理室を兼ねている他の社会福祉施設を含む。）で調理しているか。</t>
    <phoneticPr fontId="2"/>
  </si>
  <si>
    <t xml:space="preserve"> 　献立はできる限り変化に富み、障害児の健全な発育に必要な栄養量を含有するものとなっているか。</t>
    <phoneticPr fontId="2"/>
  </si>
  <si>
    <t xml:space="preserve"> 　食品の種類及び調理方法について栄養並びに障害児の身体的状況及び嗜好を考慮しているか。</t>
    <rPh sb="2" eb="4">
      <t>ショクヒン</t>
    </rPh>
    <phoneticPr fontId="2"/>
  </si>
  <si>
    <t xml:space="preserve"> 　調理はあらかじめ作成された献立に従って行われているか。</t>
    <phoneticPr fontId="2"/>
  </si>
  <si>
    <t xml:space="preserve"> 　障害児の健康な生活の基本としての食育の推進に努めているか。</t>
    <rPh sb="2" eb="5">
      <t>ショウガイジ</t>
    </rPh>
    <rPh sb="6" eb="8">
      <t>ケンコウ</t>
    </rPh>
    <rPh sb="9" eb="11">
      <t>セイカツ</t>
    </rPh>
    <rPh sb="12" eb="14">
      <t>キホン</t>
    </rPh>
    <rPh sb="18" eb="19">
      <t>ショク</t>
    </rPh>
    <rPh sb="19" eb="20">
      <t>イク</t>
    </rPh>
    <rPh sb="21" eb="23">
      <t>スイシン</t>
    </rPh>
    <rPh sb="24" eb="25">
      <t>ツト</t>
    </rPh>
    <phoneticPr fontId="2"/>
  </si>
  <si>
    <t xml:space="preserve"> 　教養娯楽設備等を備えるほか、適宜障害児のためのレクリエーション行事を行っているか。</t>
    <phoneticPr fontId="2"/>
  </si>
  <si>
    <t xml:space="preserve"> 　障害児が日常生活を営む上で必要な行政機関に対する手続等について、障害児又は家族が行うことが困難である場合は、入所給付決定保護者の同意を得て代わって行っているか。</t>
    <phoneticPr fontId="2"/>
  </si>
  <si>
    <t xml:space="preserve"> 　常に障害児の家族との連携を図るとともに、障害児と家族との交流の機会を確保するよう努めているか。</t>
    <phoneticPr fontId="2"/>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2"/>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phoneticPr fontId="2"/>
  </si>
  <si>
    <t xml:space="preserve"> 　職員の健康診断に当たっては、障害児の食事を調理する者につき、特に注意を払っているか。</t>
    <rPh sb="16" eb="19">
      <t>ショウガイジ</t>
    </rPh>
    <rPh sb="32" eb="33">
      <t>トク</t>
    </rPh>
    <phoneticPr fontId="2"/>
  </si>
  <si>
    <t xml:space="preserve"> 　現に指定入所支援の提供を行っているときに障害児に病状の急変が生じた場合その他必要な場合は、速やかに医療機関への連絡を行う等の必要な措置を講じているか。</t>
    <rPh sb="6" eb="8">
      <t>ニュウショ</t>
    </rPh>
    <rPh sb="8" eb="10">
      <t>シエン</t>
    </rPh>
    <rPh sb="22" eb="25">
      <t>ショウガイジ</t>
    </rPh>
    <rPh sb="26" eb="28">
      <t>ビョウジョウ</t>
    </rPh>
    <phoneticPr fontId="2"/>
  </si>
  <si>
    <t xml:space="preserve"> 　障害児について、病院又は診療所に入院する必要が生じた場合であって、入院後おおむね3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できることができるようにしているか。</t>
    <phoneticPr fontId="2"/>
  </si>
  <si>
    <t xml:space="preserve"> 　指定福祉型障害児入所施設の設置者が障害児に係る厚生労働大臣が定める給付金(以下｢給付金」という。)の支給を受けたときは、次により管理しているか。　</t>
    <rPh sb="62" eb="63">
      <t>ツギ</t>
    </rPh>
    <phoneticPr fontId="2"/>
  </si>
  <si>
    <t xml:space="preserve"> 　指定入所支援を受けている入所給付決定保護者が偽りその他不正な行為によって障害児入所給付費の支給を受け、又は受けようとしたときは、遅滞なく、意見を付してその旨を県に通知しているか。</t>
    <rPh sb="81" eb="82">
      <t>ケン</t>
    </rPh>
    <phoneticPr fontId="2"/>
  </si>
  <si>
    <t xml:space="preserve"> 　専らその職務に従事する管理者を置いているか。</t>
    <phoneticPr fontId="2"/>
  </si>
  <si>
    <t xml:space="preserve"> 　管理者は、当該入所施設の従業者及び業務の管理その他の管理を一元的に行っているか。</t>
    <rPh sb="9" eb="11">
      <t>ニュウショ</t>
    </rPh>
    <rPh sb="11" eb="13">
      <t>シセツ</t>
    </rPh>
    <phoneticPr fontId="2"/>
  </si>
  <si>
    <t xml:space="preserve"> 　管理者は、従業者に指定障害児入所施設等の人員、設備及び運営に関する基準等を定める条例を遵守させるため必要な指揮命令を行っているか。</t>
    <rPh sb="11" eb="13">
      <t>シテイ</t>
    </rPh>
    <rPh sb="13" eb="15">
      <t>ショウガイ</t>
    </rPh>
    <rPh sb="15" eb="16">
      <t>ジ</t>
    </rPh>
    <rPh sb="16" eb="18">
      <t>ニュウショ</t>
    </rPh>
    <rPh sb="20" eb="21">
      <t>トウ</t>
    </rPh>
    <rPh sb="37" eb="38">
      <t>トウ</t>
    </rPh>
    <rPh sb="39" eb="40">
      <t>サダ</t>
    </rPh>
    <rPh sb="42" eb="44">
      <t>ジョウレイ</t>
    </rPh>
    <phoneticPr fontId="2"/>
  </si>
  <si>
    <t xml:space="preserve"> 　施設ごとに、施設の運営についての重要事項に関する運営規程を定めているか。</t>
    <rPh sb="2" eb="4">
      <t>シセツ</t>
    </rPh>
    <rPh sb="8" eb="10">
      <t>シセツ</t>
    </rPh>
    <phoneticPr fontId="2"/>
  </si>
  <si>
    <t xml:space="preserve"> 　障害児に対し、適切な指定入所支援を提供できるよう、指定入所施設ごとに、従業者の勤務の体制を定めているか。</t>
    <rPh sb="14" eb="16">
      <t>ニュウショ</t>
    </rPh>
    <rPh sb="16" eb="18">
      <t>シエン</t>
    </rPh>
    <rPh sb="29" eb="31">
      <t>ニュウショ</t>
    </rPh>
    <rPh sb="31" eb="33">
      <t>シセツ</t>
    </rPh>
    <phoneticPr fontId="2"/>
  </si>
  <si>
    <t xml:space="preserve"> 　指定入所支援ごとに、当該指定入所施設の従業者によって指定入所支援を提供しているか。</t>
    <rPh sb="4" eb="6">
      <t>ニュウショ</t>
    </rPh>
    <rPh sb="6" eb="8">
      <t>シエン</t>
    </rPh>
    <rPh sb="16" eb="18">
      <t>ニュウショ</t>
    </rPh>
    <rPh sb="18" eb="20">
      <t>シセツ</t>
    </rPh>
    <rPh sb="30" eb="32">
      <t>ニュウショ</t>
    </rPh>
    <phoneticPr fontId="2"/>
  </si>
  <si>
    <t xml:space="preserve"> 　指定福祉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2"/>
  </si>
  <si>
    <t xml:space="preserve"> 　感染症や災害が発生した場合にあっても、指定入所支援の提供を継続的に実施するため及び非常時の体制で早期の業務再開を図るための計画（以下「業務継続計画」という。）を策定するよう努めているか。</t>
    <rPh sb="23" eb="25">
      <t>ニュウショ</t>
    </rPh>
    <rPh sb="25" eb="27">
      <t>シエン</t>
    </rPh>
    <rPh sb="88" eb="89">
      <t>ツト</t>
    </rPh>
    <phoneticPr fontId="2"/>
  </si>
  <si>
    <t xml:space="preserve"> 　業務継続計画には、次の項目を記載しているか。</t>
    <phoneticPr fontId="2"/>
  </si>
  <si>
    <t xml:space="preserve"> 　業務継続計画について、従業者に対し周知するとともに、必要な研修及び訓練を定期的に実施するよう努めているか。</t>
    <rPh sb="48" eb="49">
      <t>ツト</t>
    </rPh>
    <phoneticPr fontId="2"/>
  </si>
  <si>
    <t xml:space="preserve"> 　研修を年２回以上実施するよう努め、実施した場合、その内容について記録しているか。</t>
    <rPh sb="2" eb="4">
      <t>ケンシュウ</t>
    </rPh>
    <rPh sb="16" eb="17">
      <t>ツト</t>
    </rPh>
    <rPh sb="23" eb="25">
      <t>バアイ</t>
    </rPh>
    <phoneticPr fontId="2"/>
  </si>
  <si>
    <t xml:space="preserve"> 　業務継続計画に基づき、施設内の役割分担の確認、感染症や災害が発生した場合に実践する支援の演習等の訓練（シミュレーション）を年２回以上実施するよう努めているか。</t>
    <rPh sb="74" eb="75">
      <t>ツト</t>
    </rPh>
    <phoneticPr fontId="2"/>
  </si>
  <si>
    <t xml:space="preserve"> 　業務継続計画の見直しを定期的に行い、必要に応じて業務継続計画の変更を行うよう努めているか。</t>
    <rPh sb="40" eb="41">
      <t>ツト</t>
    </rPh>
    <phoneticPr fontId="2"/>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2"/>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2"/>
  </si>
  <si>
    <t xml:space="preserve"> 　非常災害に備えるため、定期的に避難、救出その他必要な訓練を行っているか。</t>
    <phoneticPr fontId="2"/>
  </si>
  <si>
    <t>　 上記訓練の実施に当たって、地域住民の参加が得られるよう連携に努めているか。</t>
    <rPh sb="2" eb="4">
      <t>ジョウキ</t>
    </rPh>
    <phoneticPr fontId="2"/>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2"/>
  </si>
  <si>
    <t xml:space="preserve"> 　施設において、感染症又は食中毒が発生し、又はまん延しないように次の必要な措置を講ずるよう努めているか。</t>
    <rPh sb="2" eb="4">
      <t>シセツ</t>
    </rPh>
    <rPh sb="33" eb="34">
      <t>ツギ</t>
    </rPh>
    <rPh sb="46" eb="47">
      <t>ツト</t>
    </rPh>
    <phoneticPr fontId="2"/>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2"/>
  </si>
  <si>
    <t xml:space="preserve"> 　平常時の対策及び発生時の対応を規定した感染症及び食中毒の予防及びまん延の防止のための指針を整備するよう努めているか。</t>
    <rPh sb="53" eb="54">
      <t>ツト</t>
    </rPh>
    <phoneticPr fontId="2"/>
  </si>
  <si>
    <t xml:space="preserve"> 　従業者に対し、感染症及び食中毒の予防及びまん延の防止のための研修を実施するよう努めているか。</t>
    <rPh sb="35" eb="37">
      <t>ジッシ</t>
    </rPh>
    <rPh sb="41" eb="42">
      <t>ツト</t>
    </rPh>
    <phoneticPr fontId="2"/>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2"/>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2"/>
  </si>
  <si>
    <t xml:space="preserve"> 　障害児の病状の急変に備えるため、あらかじめ、協力医療機関を定めているか。
(施設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40" eb="42">
      <t>シセツ</t>
    </rPh>
    <rPh sb="44" eb="47">
      <t>キンキョリ</t>
    </rPh>
    <rPh sb="53" eb="54">
      <t>ノゾ</t>
    </rPh>
    <phoneticPr fontId="2"/>
  </si>
  <si>
    <t xml:space="preserve"> 　あらかじめ、協力歯科医療機関を定めておくよう努めているか。(施設から近距離にあることが望ましい。）</t>
    <rPh sb="8" eb="10">
      <t>キョウリョク</t>
    </rPh>
    <rPh sb="10" eb="12">
      <t>シカ</t>
    </rPh>
    <rPh sb="12" eb="14">
      <t>イリョウ</t>
    </rPh>
    <rPh sb="14" eb="16">
      <t>キカン</t>
    </rPh>
    <rPh sb="17" eb="18">
      <t>サダ</t>
    </rPh>
    <rPh sb="24" eb="25">
      <t>ツト</t>
    </rPh>
    <rPh sb="32" eb="34">
      <t>シセツ</t>
    </rPh>
    <phoneticPr fontId="2"/>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2"/>
  </si>
  <si>
    <t xml:space="preserve"> 　指定入所支援の提供に当たっては、当該障害児又は他の障害児の生命又は身体を保護するため緊急やむを得ない場合を除き、身体的拘束その他障害児の行動を制限する行為を行っていないか。</t>
    <phoneticPr fontId="2"/>
  </si>
  <si>
    <t xml:space="preserve"> 　やむを得ず身体的拘束等を行う場合には、次の事項を記録しているか。</t>
    <rPh sb="9" eb="10">
      <t>テキ</t>
    </rPh>
    <rPh sb="21" eb="22">
      <t>ツギ</t>
    </rPh>
    <phoneticPr fontId="2"/>
  </si>
  <si>
    <t xml:space="preserve"> 　身体的拘束等の適正化を図るため、次に掲げる措置を講じているか。</t>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法第33条の10各号に掲げる行為その他当該障害児の心身に有害な影響を与える行為をしていないか。</t>
    <rPh sb="14" eb="15">
      <t>ホウ</t>
    </rPh>
    <rPh sb="22" eb="23">
      <t>カク</t>
    </rPh>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上記の虐待の発生又はその再発を防止するための措置を適切に実施するための担当者を置いているか。</t>
    <rPh sb="2" eb="4">
      <t>ジョウキ</t>
    </rPh>
    <phoneticPr fontId="2"/>
  </si>
  <si>
    <t xml:space="preserve"> 　管理者は、障害児に対し、法第47条第１項本文の規定により親権を行う場合であって懲戒するとき又は同条３項の規定により懲戒に関しその障害児の福祉のために必要な措置を採るときは、身体的苦痛を与え、人格を辱める等その権限を濫用していないか。</t>
    <rPh sb="2" eb="5">
      <t>カンリシャ</t>
    </rPh>
    <phoneticPr fontId="2"/>
  </si>
  <si>
    <t xml:space="preserve"> 　従業員及び管理者は、正当な理由なく、その業務上知り得た障害児又はその家族の秘密を漏らしていないか。</t>
    <phoneticPr fontId="2"/>
  </si>
  <si>
    <t xml:space="preserve"> 　従業者及び管理者であった者が、正当な理由なく、その業務上知り得た利用者又はその家族の秘密を漏らすことがないよう、必要な措置を講じているか。</t>
    <phoneticPr fontId="2"/>
  </si>
  <si>
    <t xml:space="preserve"> 　他の障害児通所支援事業者等に対して、障害児又はその家族に関する情報を提供する際は、あらかじめ文書により当該障害児又はその家族の同意を得ているか。</t>
    <rPh sb="4" eb="6">
      <t>ショウガイ</t>
    </rPh>
    <rPh sb="6" eb="7">
      <t>ジ</t>
    </rPh>
    <rPh sb="7" eb="9">
      <t>ツウショ</t>
    </rPh>
    <rPh sb="9" eb="11">
      <t>シエン</t>
    </rPh>
    <rPh sb="11" eb="14">
      <t>ジギョウシャ</t>
    </rPh>
    <rPh sb="20" eb="22">
      <t>ショウガイ</t>
    </rPh>
    <rPh sb="22" eb="23">
      <t>ジ</t>
    </rPh>
    <phoneticPr fontId="2"/>
  </si>
  <si>
    <t xml:space="preserve"> 　指定障害児入所施設に入所しようとする障害児が、適切かつ円滑に入所できるように、当該指定福祉型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45" eb="48">
      <t>フクシガタ</t>
    </rPh>
    <rPh sb="48" eb="51">
      <t>ショウガイジ</t>
    </rPh>
    <rPh sb="51" eb="53">
      <t>ニュウショ</t>
    </rPh>
    <rPh sb="53" eb="55">
      <t>シセツ</t>
    </rPh>
    <phoneticPr fontId="2"/>
  </si>
  <si>
    <t xml:space="preserve"> 　広告をする場合は、その内容が虚偽又は誇大なものとしていないか。</t>
    <phoneticPr fontId="2"/>
  </si>
  <si>
    <t xml:space="preserve"> 　障害児相談支援事業を行う者若しくは一般相談支援事業若しくは特定相談支援事業者を行う者、障害福祉サービスを行う者等又はその従業者に対し、障害児又はその家族に対して当該福祉型障害児入所施設を紹介することの対償として、金品その他の財産上の利益を供与していないか。</t>
    <rPh sb="2" eb="5">
      <t>ショウガイジ</t>
    </rPh>
    <rPh sb="5" eb="7">
      <t>ソウダン</t>
    </rPh>
    <rPh sb="7" eb="9">
      <t>シエン</t>
    </rPh>
    <rPh sb="9" eb="11">
      <t>ジギョウ</t>
    </rPh>
    <rPh sb="12" eb="13">
      <t>オコナ</t>
    </rPh>
    <rPh sb="14" eb="15">
      <t>モノ</t>
    </rPh>
    <rPh sb="15" eb="16">
      <t>モ</t>
    </rPh>
    <rPh sb="19" eb="21">
      <t>イッパン</t>
    </rPh>
    <rPh sb="27" eb="28">
      <t>モ</t>
    </rPh>
    <rPh sb="31" eb="33">
      <t>トクテイ</t>
    </rPh>
    <rPh sb="33" eb="35">
      <t>ソウダン</t>
    </rPh>
    <rPh sb="35" eb="37">
      <t>シエン</t>
    </rPh>
    <rPh sb="37" eb="40">
      <t>ジギョウシャ</t>
    </rPh>
    <rPh sb="84" eb="87">
      <t>フクシガタ</t>
    </rPh>
    <rPh sb="87" eb="89">
      <t>ショウガイ</t>
    </rPh>
    <rPh sb="89" eb="90">
      <t>ジ</t>
    </rPh>
    <rPh sb="90" eb="92">
      <t>ニュウショ</t>
    </rPh>
    <rPh sb="92" eb="94">
      <t>シセツ</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入所施設に関する障害児又は入所給付決定保護者又はその家族からの苦情に迅速かつ適切に対応するために、苦情を受け付けるための窓口を設置する等の必要な措置を講じているか。</t>
    <rPh sb="8" eb="10">
      <t>ニュウショ</t>
    </rPh>
    <rPh sb="10" eb="12">
      <t>シセツ</t>
    </rPh>
    <rPh sb="21" eb="23">
      <t>ニュウショ</t>
    </rPh>
    <rPh sb="30" eb="31">
      <t>マタ</t>
    </rPh>
    <phoneticPr fontId="2"/>
  </si>
  <si>
    <t xml:space="preserve"> 　当該苦情の受付日、内容等を記録しているか。</t>
    <phoneticPr fontId="2"/>
  </si>
  <si>
    <t xml:space="preserve"> 　苦情がサービスの質の向上を図る上での重要な情報であるとの認識に立ち、苦情の内容を踏まえ、サービスの質の向上に向けた取組を行っているか。</t>
    <rPh sb="62" eb="63">
      <t>オコナ</t>
    </rPh>
    <phoneticPr fontId="2"/>
  </si>
  <si>
    <t xml:space="preserve"> 　障害児又は入所給付決定保護者又はその家族からの苦情に関して県が行う調査に協力するとともに、県から指導又は助言を受けた場合は、当該指導又は助言に従って必要な改善を行っているか。</t>
    <rPh sb="31" eb="32">
      <t>ケン</t>
    </rPh>
    <rPh sb="47" eb="48">
      <t>ケン</t>
    </rPh>
    <phoneticPr fontId="2"/>
  </si>
  <si>
    <t xml:space="preserve"> 　県から求めがあった場合には、上記の改善の内容を県等に報告しているか。</t>
    <rPh sb="2" eb="3">
      <t>ケン</t>
    </rPh>
    <rPh sb="25" eb="26">
      <t>ケン</t>
    </rPh>
    <rPh sb="26" eb="27">
      <t>トウ</t>
    </rPh>
    <phoneticPr fontId="2"/>
  </si>
  <si>
    <t xml:space="preserve"> 　社会福祉法第83条に規定する運営適正化委員会が同法85条の規定により行う調査又はあっせんにできる限り協力しているか。</t>
    <phoneticPr fontId="2"/>
  </si>
  <si>
    <t xml:space="preserve"> 　苦情の公正な解決を図るために、苦情の解決に当たってその施設の職員以外の者を関与させているか。</t>
    <phoneticPr fontId="2"/>
  </si>
  <si>
    <t xml:space="preserve"> 　施設の運営に当たっては、地域住民、地域において自発的な活動を行うもの等との連携及び協力を行う等の地域との交流に努めているか。</t>
    <rPh sb="2" eb="4">
      <t>シセツ</t>
    </rPh>
    <rPh sb="19" eb="21">
      <t>チイキ</t>
    </rPh>
    <rPh sb="32" eb="33">
      <t>オコナ</t>
    </rPh>
    <phoneticPr fontId="2"/>
  </si>
  <si>
    <t xml:space="preserve"> 　児童の通学する学校及び必要に応じ当該児童を取り扱った児童福祉司又は児童委員と常に密接な連絡をとり、児童の生活指導、学習指導及び職業指導につき、その協力を求めているか。</t>
    <rPh sb="2" eb="4">
      <t>ジドウ</t>
    </rPh>
    <rPh sb="5" eb="7">
      <t>ツウガク</t>
    </rPh>
    <rPh sb="9" eb="11">
      <t>ガッコウ</t>
    </rPh>
    <rPh sb="11" eb="12">
      <t>オヨ</t>
    </rPh>
    <rPh sb="13" eb="15">
      <t>ヒツヨウ</t>
    </rPh>
    <rPh sb="16" eb="17">
      <t>オウ</t>
    </rPh>
    <rPh sb="18" eb="20">
      <t>トウガイ</t>
    </rPh>
    <rPh sb="20" eb="22">
      <t>ジドウ</t>
    </rPh>
    <rPh sb="23" eb="24">
      <t>ト</t>
    </rPh>
    <rPh sb="25" eb="26">
      <t>アツカ</t>
    </rPh>
    <rPh sb="28" eb="30">
      <t>ジドウ</t>
    </rPh>
    <rPh sb="30" eb="32">
      <t>フクシ</t>
    </rPh>
    <rPh sb="32" eb="33">
      <t>ツカサ</t>
    </rPh>
    <rPh sb="33" eb="34">
      <t>マタ</t>
    </rPh>
    <rPh sb="35" eb="37">
      <t>ジドウ</t>
    </rPh>
    <rPh sb="37" eb="39">
      <t>イイン</t>
    </rPh>
    <rPh sb="40" eb="41">
      <t>ツネ</t>
    </rPh>
    <rPh sb="42" eb="44">
      <t>ミッセツ</t>
    </rPh>
    <rPh sb="45" eb="47">
      <t>レンラク</t>
    </rPh>
    <rPh sb="51" eb="53">
      <t>ジドウ</t>
    </rPh>
    <rPh sb="54" eb="56">
      <t>セイカツ</t>
    </rPh>
    <rPh sb="56" eb="58">
      <t>シドウ</t>
    </rPh>
    <rPh sb="59" eb="61">
      <t>ガクシュウ</t>
    </rPh>
    <rPh sb="61" eb="63">
      <t>シドウ</t>
    </rPh>
    <rPh sb="63" eb="64">
      <t>オヨ</t>
    </rPh>
    <rPh sb="65" eb="67">
      <t>ショクギョウ</t>
    </rPh>
    <rPh sb="67" eb="69">
      <t>シドウ</t>
    </rPh>
    <rPh sb="75" eb="77">
      <t>キョウリョク</t>
    </rPh>
    <rPh sb="78" eb="79">
      <t>モト</t>
    </rPh>
    <phoneticPr fontId="2"/>
  </si>
  <si>
    <t xml:space="preserve"> 　障害児に対する指定入所支援の提供により事故が発生した場合は、速やかに都道府県、当該障害児の家族等に連絡を行うとともに、必要な措置を講じているか。</t>
    <rPh sb="2" eb="4">
      <t>ショウガイ</t>
    </rPh>
    <rPh sb="4" eb="5">
      <t>ジ</t>
    </rPh>
    <rPh sb="11" eb="13">
      <t>ニュウショ</t>
    </rPh>
    <rPh sb="13" eb="15">
      <t>シエン</t>
    </rPh>
    <rPh sb="32" eb="33">
      <t>スミ</t>
    </rPh>
    <rPh sb="36" eb="40">
      <t>トドウフケン</t>
    </rPh>
    <rPh sb="41" eb="43">
      <t>トウガイ</t>
    </rPh>
    <phoneticPr fontId="2"/>
  </si>
  <si>
    <t xml:space="preserve"> 　利用者に対する指定入所支援の提供により事故が発生した場合は、事故の状況及び事故に際して採った処置について記録しているか。</t>
    <rPh sb="9" eb="11">
      <t>シテイ</t>
    </rPh>
    <rPh sb="11" eb="13">
      <t>ニュウショ</t>
    </rPh>
    <rPh sb="13" eb="15">
      <t>シエン</t>
    </rPh>
    <phoneticPr fontId="2"/>
  </si>
  <si>
    <t xml:space="preserve"> 　障害児に対する指定入所支援の提供により賠償すべき事故が発生した場合は、損害賠償を速やかに行っているか。</t>
    <rPh sb="11" eb="13">
      <t>ニュウショ</t>
    </rPh>
    <rPh sb="13" eb="15">
      <t>シエン</t>
    </rPh>
    <phoneticPr fontId="2"/>
  </si>
  <si>
    <t xml:space="preserve"> 　指定障害児入所施設の事業の会計をその他の事業の会計と区分しているか。</t>
    <rPh sb="4" eb="7">
      <t>ショウガイジ</t>
    </rPh>
    <rPh sb="7" eb="9">
      <t>ニュウショ</t>
    </rPh>
    <rPh sb="9" eb="11">
      <t>シセツ</t>
    </rPh>
    <phoneticPr fontId="2"/>
  </si>
  <si>
    <t xml:space="preserve"> 　従業者、設備、備品及び会計に関する諸記録を整備しているか。</t>
    <phoneticPr fontId="2"/>
  </si>
  <si>
    <t xml:space="preserve"> 　利用者に対する指定入所支援の提供に関する諸記録のうち少なくとも次に掲げる記録を整備し、５年以上保存しているか。</t>
    <rPh sb="11" eb="13">
      <t>ニュウショ</t>
    </rPh>
    <rPh sb="13" eb="15">
      <t>シエン</t>
    </rPh>
    <rPh sb="28" eb="29">
      <t>スク</t>
    </rPh>
    <rPh sb="33" eb="34">
      <t>ツギ</t>
    </rPh>
    <rPh sb="35" eb="36">
      <t>カカ</t>
    </rPh>
    <rPh sb="38" eb="40">
      <t>キロク</t>
    </rPh>
    <rPh sb="47" eb="49">
      <t>イジョウ</t>
    </rPh>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情報公表対象サービス等情報を毎年知事に報告しているか。</t>
    <rPh sb="16" eb="18">
      <t>マイトシ</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2"/>
  </si>
  <si>
    <t xml:space="preserve"> 　利用者が社会、経済、文化その他多様な分野の活動参加することができるよう機会の確保に努めているか。</t>
    <phoneticPr fontId="2"/>
  </si>
  <si>
    <t xml:space="preserve"> 　地域住民、関係団体等と連携し、地域の社会資源の活用、創出等を図りながら、当事者目線の障害福祉の推進に努めているか。</t>
    <phoneticPr fontId="2"/>
  </si>
  <si>
    <t>（神奈川県当事者目線の障害福祉推進条例第11条第１項）</t>
    <phoneticPr fontId="2"/>
  </si>
  <si>
    <t xml:space="preserve"> 　利用者の家族その他の関係者とともに、施設への入所その他の障害者の福祉サービスの利用に際して、利用者の意思が反映されるよう配慮しているか。</t>
    <phoneticPr fontId="2"/>
  </si>
  <si>
    <t>（神奈川県当事者目線の障害福祉推進条例第11条第２項）</t>
    <phoneticPr fontId="2"/>
  </si>
  <si>
    <t xml:space="preserve"> 　利用者が意思決定支援を受けることを希望する場合には、その希望を十分に尊重し、円滑に意思決定支援を受けることができるよう努めているか。</t>
    <phoneticPr fontId="2"/>
  </si>
  <si>
    <t>施設の名称等</t>
    <rPh sb="0" eb="2">
      <t>シセツ</t>
    </rPh>
    <rPh sb="3" eb="5">
      <t>メイショウ</t>
    </rPh>
    <rPh sb="5" eb="6">
      <t>トウ</t>
    </rPh>
    <phoneticPr fontId="2"/>
  </si>
  <si>
    <t>苦情への対応等</t>
    <phoneticPr fontId="2"/>
  </si>
  <si>
    <t>感染症対策に関する事項</t>
    <phoneticPr fontId="2"/>
  </si>
  <si>
    <t>業務継続計画の策定に関する事項</t>
    <phoneticPr fontId="2"/>
  </si>
  <si>
    <t>その他施設運営に関する重要事項</t>
    <rPh sb="2" eb="3">
      <t>ホカ</t>
    </rPh>
    <rPh sb="3" eb="5">
      <t>シセツ</t>
    </rPh>
    <rPh sb="5" eb="7">
      <t>ウンエイ</t>
    </rPh>
    <rPh sb="8" eb="9">
      <t>カン</t>
    </rPh>
    <rPh sb="11" eb="13">
      <t>ジュウヨウ</t>
    </rPh>
    <rPh sb="13" eb="15">
      <t>ジコウ</t>
    </rPh>
    <phoneticPr fontId="2"/>
  </si>
  <si>
    <t>一律に利用者にやむを得ず身体的拘束を行う場合の同意を得ていないか。</t>
    <rPh sb="0" eb="2">
      <t>イチリツ</t>
    </rPh>
    <rPh sb="23" eb="25">
      <t>ドウイ</t>
    </rPh>
    <rPh sb="26" eb="27">
      <t>エ</t>
    </rPh>
    <phoneticPr fontId="2"/>
  </si>
  <si>
    <t>身体の状態に合わせた座位保持装置や車椅子の医師の意見書又は診断書を確認しているか。</t>
    <phoneticPr fontId="2"/>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2"/>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2"/>
  </si>
  <si>
    <t>支援内容</t>
    <rPh sb="0" eb="2">
      <t>シエン</t>
    </rPh>
    <rPh sb="2" eb="4">
      <t>ナイヨウ</t>
    </rPh>
    <phoneticPr fontId="2"/>
  </si>
  <si>
    <t xml:space="preserve"> 　身体拘束適正化検討委員会を定期的に開催し、その結果について、従業者に周知徹底を図っているか。</t>
    <phoneticPr fontId="2"/>
  </si>
  <si>
    <t>身体拘束適正化検討委員会には、身体的拘束等の適正化のための指針に基づいた研修プログラムを作成しているか。</t>
    <phoneticPr fontId="2"/>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2"/>
  </si>
  <si>
    <t>虐待防止委員会は、再発防止のための研修プログラムを作成しているか。</t>
    <phoneticPr fontId="2"/>
  </si>
  <si>
    <t xml:space="preserve"> 　みなし配置のサービス管理責任者がいる場合に、基礎研修又は補足研修のどちらか直近の修了期日から３年後の前日（みなし配置終了期限）までに実務者研修を受けるよう研修プログラム（計画）に位置付けているか。</t>
    <phoneticPr fontId="2"/>
  </si>
  <si>
    <t>「その他の日常生活費」の対象となる便宜及びその額は、事業者又は施設の運営規程において定められているか。</t>
    <phoneticPr fontId="2"/>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2"/>
  </si>
  <si>
    <t xml:space="preserve"> 　研修の実施記録として、日時、場所、参加者名等及び参加後の意見について記録しているか。</t>
    <phoneticPr fontId="2"/>
  </si>
  <si>
    <t>安全計画の策定</t>
    <rPh sb="0" eb="2">
      <t>アンゼン</t>
    </rPh>
    <rPh sb="2" eb="4">
      <t>ケイカク</t>
    </rPh>
    <rPh sb="5" eb="7">
      <t>サクテイ</t>
    </rPh>
    <phoneticPr fontId="2"/>
  </si>
  <si>
    <t>(児童福祉法に基づく指定通所支援の事業等の人員、設備及び運営に関する基準第40条の２）</t>
    <rPh sb="36" eb="37">
      <t>ダイ</t>
    </rPh>
    <rPh sb="39" eb="40">
      <t>ジョウ</t>
    </rPh>
    <phoneticPr fontId="2"/>
  </si>
  <si>
    <t>安全計画の策定等に係る経過措置として令和６年３月31日まで経過措置があります。</t>
    <phoneticPr fontId="2"/>
  </si>
  <si>
    <t>自動車を運行する場合の所在の確認</t>
    <rPh sb="0" eb="3">
      <t>ジドウシャ</t>
    </rPh>
    <rPh sb="4" eb="6">
      <t>ウンコウ</t>
    </rPh>
    <rPh sb="8" eb="10">
      <t>バアイ</t>
    </rPh>
    <rPh sb="11" eb="13">
      <t>ショザイ</t>
    </rPh>
    <rPh sb="14" eb="16">
      <t>カクニン</t>
    </rPh>
    <phoneticPr fontId="2"/>
  </si>
  <si>
    <t>(児童福祉法に基づく指定通所支援の事業等の人員、設備及び運営に関する基準第40条の３）</t>
    <rPh sb="36" eb="37">
      <t>ダイ</t>
    </rPh>
    <rPh sb="39" eb="40">
      <t>ジョウ</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13"/>
  </si>
  <si>
    <t>（令和２年10月15日付厚生労働省健康局結核感染症課ほか連名事務連絡）</t>
    <phoneticPr fontId="2"/>
  </si>
  <si>
    <t>＊その他確認事項</t>
    <rPh sb="3" eb="4">
      <t>タ</t>
    </rPh>
    <rPh sb="4" eb="6">
      <t>カクニン</t>
    </rPh>
    <rPh sb="6" eb="8">
      <t>ジコウ</t>
    </rPh>
    <phoneticPr fontId="2"/>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2"/>
  </si>
  <si>
    <t>＜障害者支援施設の指定を受け、かつ、指定入所支援と施設障害福祉サービスとを同一の施設で一体的に提供している場合＞</t>
    <rPh sb="1" eb="4">
      <t>ショウガイシャ</t>
    </rPh>
    <rPh sb="4" eb="6">
      <t>シエン</t>
    </rPh>
    <rPh sb="6" eb="8">
      <t>シセツ</t>
    </rPh>
    <rPh sb="9" eb="11">
      <t>シテイ</t>
    </rPh>
    <rPh sb="12" eb="13">
      <t>ウ</t>
    </rPh>
    <rPh sb="18" eb="20">
      <t>シテイ</t>
    </rPh>
    <rPh sb="20" eb="22">
      <t>ニュウショ</t>
    </rPh>
    <rPh sb="22" eb="24">
      <t>シエン</t>
    </rPh>
    <rPh sb="25" eb="27">
      <t>シセツ</t>
    </rPh>
    <rPh sb="27" eb="29">
      <t>ショウガイ</t>
    </rPh>
    <rPh sb="29" eb="31">
      <t>フクシ</t>
    </rPh>
    <rPh sb="37" eb="39">
      <t>ドウイツ</t>
    </rPh>
    <rPh sb="40" eb="42">
      <t>シセツ</t>
    </rPh>
    <rPh sb="43" eb="46">
      <t>イッタイテキ</t>
    </rPh>
    <rPh sb="47" eb="49">
      <t>テイキョウ</t>
    </rPh>
    <rPh sb="53" eb="55">
      <t>バアイ</t>
    </rPh>
    <phoneticPr fontId="2"/>
  </si>
  <si>
    <t>＜指定障害者支援施設の指定を受け、かつ、指定入所支援と施設障害福祉サービスとを同一の施設で一体的に提供している場合＞</t>
    <rPh sb="1" eb="3">
      <t>シテイ</t>
    </rPh>
    <rPh sb="3" eb="6">
      <t>ショウガイシャ</t>
    </rPh>
    <rPh sb="6" eb="8">
      <t>シエン</t>
    </rPh>
    <rPh sb="8" eb="10">
      <t>シセツ</t>
    </rPh>
    <rPh sb="11" eb="13">
      <t>シテイ</t>
    </rPh>
    <rPh sb="14" eb="15">
      <t>ウ</t>
    </rPh>
    <rPh sb="20" eb="22">
      <t>シテイ</t>
    </rPh>
    <rPh sb="22" eb="24">
      <t>ニュウショ</t>
    </rPh>
    <rPh sb="24" eb="26">
      <t>シエン</t>
    </rPh>
    <rPh sb="27" eb="29">
      <t>シセツ</t>
    </rPh>
    <rPh sb="29" eb="31">
      <t>ショウガイ</t>
    </rPh>
    <rPh sb="31" eb="33">
      <t>フクシ</t>
    </rPh>
    <rPh sb="39" eb="41">
      <t>ドウイツ</t>
    </rPh>
    <rPh sb="42" eb="44">
      <t>シセツ</t>
    </rPh>
    <rPh sb="45" eb="48">
      <t>イッタイテキ</t>
    </rPh>
    <rPh sb="49" eb="51">
      <t>テイキョウ</t>
    </rPh>
    <rPh sb="55" eb="57">
      <t>バアイ</t>
    </rPh>
    <phoneticPr fontId="2"/>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2"/>
  </si>
  <si>
    <t>身体拘束適正化検討委員会は、施設に従事する幅広い職種により構成され、構成員の責務及び役割分担を明確にするとともに、専任の身体拘束等の適正化対応策を担当する者を決めているか。</t>
    <phoneticPr fontId="2"/>
  </si>
  <si>
    <t>身体拘束適正化検討委員会には、第三者や専門家を活用することが望ましく、その方策として、医師（精神科専門医等）、看護職員等を活用しているか。</t>
    <phoneticPr fontId="2"/>
  </si>
  <si>
    <t>時間(開始、終了)</t>
    <rPh sb="0" eb="2">
      <t>ジカン</t>
    </rPh>
    <rPh sb="3" eb="5">
      <t>カイシ</t>
    </rPh>
    <rPh sb="6" eb="8">
      <t>シュウリョウ</t>
    </rPh>
    <phoneticPr fontId="2"/>
  </si>
  <si>
    <t xml:space="preserve"> 　入所給付決定保護者及び障害児の意向、障害児の適性、障害の特性その他の事情を踏まえた指定入所支援に係る計画(以下、「入所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89" eb="91">
      <t>シテイ</t>
    </rPh>
    <rPh sb="91" eb="93">
      <t>ニュウショ</t>
    </rPh>
    <rPh sb="93" eb="95">
      <t>シエン</t>
    </rPh>
    <rPh sb="124" eb="125">
      <t>ホカ</t>
    </rPh>
    <rPh sb="153" eb="155">
      <t>シテイ</t>
    </rPh>
    <rPh sb="155" eb="157">
      <t>ニュウショ</t>
    </rPh>
    <rPh sb="157" eb="159">
      <t>シエン</t>
    </rPh>
    <phoneticPr fontId="2"/>
  </si>
  <si>
    <t>＊看護職員（保健師、助産師、看護師又は准看護師）</t>
    <rPh sb="1" eb="3">
      <t>カンゴ</t>
    </rPh>
    <rPh sb="3" eb="5">
      <t>ショクイン</t>
    </rPh>
    <rPh sb="6" eb="9">
      <t>ホケンシ</t>
    </rPh>
    <rPh sb="10" eb="13">
      <t>ジョサンシ</t>
    </rPh>
    <rPh sb="14" eb="17">
      <t>カンゴシ</t>
    </rPh>
    <rPh sb="17" eb="18">
      <t>マタ</t>
    </rPh>
    <rPh sb="19" eb="22">
      <t>ジュンカンゴ</t>
    </rPh>
    <rPh sb="22" eb="23">
      <t>シ</t>
    </rPh>
    <phoneticPr fontId="2"/>
  </si>
  <si>
    <t>通じておおむね障害児の数を４で除して得た数以上(30人以下の障害児を入所させる施設にあっては、当該数に1を加えた数以上)</t>
    <phoneticPr fontId="2"/>
  </si>
  <si>
    <t>下記66、67に規定する検討及び必要な援助並びに68に規定する相談及び援助を行っているか。</t>
    <rPh sb="0" eb="2">
      <t>カキ</t>
    </rPh>
    <rPh sb="8" eb="10">
      <t>キテイ</t>
    </rPh>
    <rPh sb="12" eb="14">
      <t>ケントウ</t>
    </rPh>
    <rPh sb="14" eb="15">
      <t>オヨ</t>
    </rPh>
    <rPh sb="16" eb="18">
      <t>ヒツヨウ</t>
    </rPh>
    <rPh sb="19" eb="21">
      <t>エンジョ</t>
    </rPh>
    <rPh sb="21" eb="22">
      <t>ナラ</t>
    </rPh>
    <rPh sb="27" eb="29">
      <t>キテイ</t>
    </rPh>
    <rPh sb="31" eb="33">
      <t>ソウダン</t>
    </rPh>
    <rPh sb="33" eb="34">
      <t>オヨ</t>
    </rPh>
    <phoneticPr fontId="2"/>
  </si>
  <si>
    <t>感染対策委員会は、幅広い職種（例えば、施設長（管理者）、事務長、医師、看護職員、児童指導員、栄養士又は管理栄養士）により構成されるよう努めているか。</t>
    <rPh sb="40" eb="42">
      <t>ジドウ</t>
    </rPh>
    <rPh sb="42" eb="45">
      <t>シドウイン</t>
    </rPh>
    <rPh sb="67" eb="68">
      <t>ツト</t>
    </rPh>
    <phoneticPr fontId="2"/>
  </si>
  <si>
    <t>感染対策委員会は、構成メンバーの責務及び役割分担を明確にするとともに、専任の感染対策を担当する者（以下「感染対策担当者」という。）を決めるよう努めているか。</t>
    <rPh sb="71" eb="72">
      <t>ツト</t>
    </rPh>
    <phoneticPr fontId="2"/>
  </si>
  <si>
    <t>感染対策委員会は、利用者の状況など施設の状況に応じ、おおむね３月に１回以上、定期的に開催するよう努めているか。また、感染症が流行する時期等を勘案して必要に応じ随時開催するよう努めているか。</t>
    <rPh sb="9" eb="12">
      <t>リヨウシャ</t>
    </rPh>
    <rPh sb="48" eb="49">
      <t>ツト</t>
    </rPh>
    <rPh sb="87" eb="88">
      <t>ツト</t>
    </rPh>
    <phoneticPr fontId="2"/>
  </si>
  <si>
    <t>感染症及び食中毒の予防及びまん延の防止のための指針に基づいた研修プログラムを作成の上実施し、年２回以上定期的な研修を実施するよう努めているか。</t>
    <rPh sb="41" eb="42">
      <t>ウエ</t>
    </rPh>
    <rPh sb="42" eb="44">
      <t>ジッシ</t>
    </rPh>
    <rPh sb="64" eb="65">
      <t>ツト</t>
    </rPh>
    <phoneticPr fontId="2"/>
  </si>
  <si>
    <t>従業者を新規採用した際には、必ず感染対策研修を実施するよう努めているか。</t>
    <rPh sb="0" eb="3">
      <t>ジュウギョウシャ</t>
    </rPh>
    <rPh sb="10" eb="11">
      <t>サイ</t>
    </rPh>
    <rPh sb="29" eb="30">
      <t>ツト</t>
    </rPh>
    <phoneticPr fontId="2"/>
  </si>
  <si>
    <t>調理や清掃などの業務を委託する場合には、委託を受けて行う者に対しても、感染症及び食中毒の予防及びまん延の防止のための指針を周知するよう努めているか。</t>
    <rPh sb="67" eb="68">
      <t>ツト</t>
    </rPh>
    <phoneticPr fontId="2"/>
  </si>
  <si>
    <t>感染症及び食中毒の予防及びまん延の防止のための研修の実施内容について記録するよう努めているか。</t>
    <rPh sb="40" eb="41">
      <t>ツト</t>
    </rPh>
    <phoneticPr fontId="2"/>
  </si>
  <si>
    <t>訓練では、感染症及び食中毒の予防及びまん延の防止のための指針及び研修内容に基いて、役割分担の確認をするよう努めているか。</t>
    <rPh sb="0" eb="2">
      <t>クンレン</t>
    </rPh>
    <rPh sb="53" eb="54">
      <t>ツト</t>
    </rPh>
    <phoneticPr fontId="2"/>
  </si>
  <si>
    <t>訓練では、感染対策をした上での支援の演習などを実施するよう努めているか。</t>
    <rPh sb="29" eb="30">
      <t>ツト</t>
    </rPh>
    <phoneticPr fontId="2"/>
  </si>
  <si>
    <t>訓練は、机上及び実地で実施するものを適切に組み合わせるよう努めているか。</t>
    <rPh sb="29" eb="30">
      <t>ツト</t>
    </rPh>
    <phoneticPr fontId="2"/>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0" eb="1">
      <t>トク</t>
    </rPh>
    <rPh sb="78" eb="80">
      <t>ベッシ</t>
    </rPh>
    <rPh sb="80" eb="82">
      <t>サンショウ</t>
    </rPh>
    <phoneticPr fontId="2"/>
  </si>
  <si>
    <t>やむを得ず身体的拘束を行う場合は、管理者、児童発達支援管理責任者、虐待の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rPh sb="17" eb="20">
      <t>カンリシャ</t>
    </rPh>
    <rPh sb="21" eb="23">
      <t>ジドウ</t>
    </rPh>
    <rPh sb="23" eb="25">
      <t>ハッタツ</t>
    </rPh>
    <rPh sb="25" eb="27">
      <t>シエン</t>
    </rPh>
    <rPh sb="27" eb="29">
      <t>カンリ</t>
    </rPh>
    <rPh sb="29" eb="32">
      <t>セキニンシャ</t>
    </rPh>
    <rPh sb="33" eb="35">
      <t>ギャクタイ</t>
    </rPh>
    <rPh sb="36" eb="38">
      <t>ボウシ</t>
    </rPh>
    <rPh sb="39" eb="40">
      <t>カン</t>
    </rPh>
    <rPh sb="54" eb="57">
      <t>セキニンシャ</t>
    </rPh>
    <rPh sb="57" eb="58">
      <t>トウ</t>
    </rPh>
    <rPh sb="58" eb="60">
      <t>シエン</t>
    </rPh>
    <rPh sb="60" eb="62">
      <t>ホウシン</t>
    </rPh>
    <rPh sb="66" eb="68">
      <t>ケンゲン</t>
    </rPh>
    <rPh sb="69" eb="70">
      <t>モ</t>
    </rPh>
    <rPh sb="71" eb="73">
      <t>ショクイン</t>
    </rPh>
    <rPh sb="74" eb="76">
      <t>シュッセキ</t>
    </rPh>
    <phoneticPr fontId="2"/>
  </si>
  <si>
    <t>やむを得ず身体的拘束を行う場合には、個別支援計画に切迫性、非代替性、一時性についての検討、身体的拘束の態様、時間及び緊急やむを得ない理由を記載しているか。</t>
    <rPh sb="51" eb="53">
      <t>タイヨウ</t>
    </rPh>
    <rPh sb="56" eb="57">
      <t>オヨ</t>
    </rPh>
    <phoneticPr fontId="2"/>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phoneticPr fontId="2"/>
  </si>
  <si>
    <t>（神奈川県当事者目線の障害福祉推進条例第６条第２項）</t>
    <rPh sb="22" eb="23">
      <t>ダイ</t>
    </rPh>
    <rPh sb="24" eb="25">
      <t>コウ</t>
    </rPh>
    <phoneticPr fontId="2"/>
  </si>
  <si>
    <t>（神奈川県当事者目線の障害福祉推進条例第７条第１項）</t>
    <rPh sb="22" eb="23">
      <t>ダイ</t>
    </rPh>
    <rPh sb="24" eb="25">
      <t>コ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1">
    <font>
      <sz val="11"/>
      <name val="ＭＳ Ｐゴシック"/>
      <family val="3"/>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明朝"/>
      <family val="1"/>
      <charset val="128"/>
    </font>
    <font>
      <sz val="11"/>
      <name val="ＭＳ Ｐゴシック"/>
      <family val="3"/>
      <charset val="128"/>
      <scheme val="minor"/>
    </font>
    <font>
      <sz val="10"/>
      <name val="ＭＳ Ｐゴシック"/>
      <family val="3"/>
      <charset val="128"/>
    </font>
    <font>
      <b/>
      <sz val="11"/>
      <name val="ＭＳ Ｐゴシック"/>
      <family val="3"/>
      <charset val="128"/>
      <scheme val="major"/>
    </font>
    <font>
      <sz val="11"/>
      <name val="ＭＳ Ｐゴシック"/>
      <family val="3"/>
      <charset val="128"/>
      <scheme val="major"/>
    </font>
    <font>
      <u/>
      <sz val="11"/>
      <color theme="10"/>
      <name val="ＭＳ Ｐゴシック"/>
      <family val="3"/>
      <charset val="128"/>
    </font>
    <font>
      <sz val="11"/>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b/>
      <sz val="11"/>
      <name val="ＭＳ Ｐゴシック"/>
      <family val="3"/>
      <charset val="128"/>
      <scheme val="minor"/>
    </font>
    <font>
      <u/>
      <sz val="8"/>
      <color theme="10"/>
      <name val="ＭＳ Ｐゴシック"/>
      <family val="3"/>
      <charset val="128"/>
    </font>
    <font>
      <sz val="11"/>
      <color theme="1"/>
      <name val="ＭＳ Ｐゴシック"/>
      <family val="3"/>
      <charset val="128"/>
    </font>
    <font>
      <sz val="9"/>
      <color theme="1"/>
      <name val="ＭＳ Ｐゴシック"/>
      <family val="3"/>
      <charset val="128"/>
    </font>
    <font>
      <b/>
      <sz val="20"/>
      <color theme="1"/>
      <name val="HGP創英角ｺﾞｼｯｸUB"/>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2"/>
      <color theme="1"/>
      <name val="ＭＳ Ｐゴシック"/>
      <family val="3"/>
      <charset val="128"/>
    </font>
    <font>
      <sz val="10"/>
      <color theme="1"/>
      <name val="ＭＳ Ｐゴシック"/>
      <family val="3"/>
      <charset val="128"/>
    </font>
    <font>
      <b/>
      <sz val="12"/>
      <color theme="1"/>
      <name val="HG丸ｺﾞｼｯｸM-PRO"/>
      <family val="3"/>
      <charset val="128"/>
    </font>
    <font>
      <b/>
      <u val="double"/>
      <sz val="12"/>
      <color theme="1"/>
      <name val="HG丸ｺﾞｼｯｸM-PRO"/>
      <family val="3"/>
      <charset val="128"/>
    </font>
  </fonts>
  <fills count="3">
    <fill>
      <patternFill patternType="none"/>
    </fill>
    <fill>
      <patternFill patternType="gray125"/>
    </fill>
    <fill>
      <patternFill patternType="gray0625"/>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style="dotted">
        <color indexed="64"/>
      </right>
      <top style="dotted">
        <color indexed="64"/>
      </top>
      <bottom style="dotted">
        <color indexed="64"/>
      </bottom>
      <diagonal/>
    </border>
    <border>
      <left/>
      <right/>
      <top style="thick">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top style="thick">
        <color indexed="64"/>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top style="thin">
        <color indexed="64"/>
      </top>
      <bottom style="thin">
        <color indexed="64"/>
      </bottom>
      <diagonal/>
    </border>
    <border>
      <left/>
      <right/>
      <top style="dotted">
        <color indexed="64"/>
      </top>
      <bottom style="thin">
        <color indexed="64"/>
      </bottom>
      <diagonal/>
    </border>
    <border>
      <left/>
      <right/>
      <top/>
      <bottom style="thick">
        <color indexed="64"/>
      </bottom>
      <diagonal/>
    </border>
    <border>
      <left/>
      <right/>
      <top style="thick">
        <color indexed="64"/>
      </top>
      <bottom style="thick">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style="medium">
        <color auto="1"/>
      </right>
      <top/>
      <bottom style="medium">
        <color auto="1"/>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s>
  <cellStyleXfs count="6">
    <xf numFmtId="0" fontId="0" fillId="0" borderId="0"/>
    <xf numFmtId="0" fontId="11" fillId="0" borderId="0" applyNumberFormat="0" applyFill="0" applyBorder="0" applyAlignment="0" applyProtection="0"/>
    <xf numFmtId="0" fontId="12" fillId="0" borderId="0"/>
    <xf numFmtId="0" fontId="12" fillId="0" borderId="0"/>
    <xf numFmtId="0" fontId="1" fillId="0" borderId="0">
      <alignment vertical="center"/>
    </xf>
    <xf numFmtId="0" fontId="12" fillId="0" borderId="0"/>
  </cellStyleXfs>
  <cellXfs count="589">
    <xf numFmtId="0" fontId="0" fillId="0" borderId="0" xfId="0"/>
    <xf numFmtId="0" fontId="0" fillId="0" borderId="0" xfId="0" applyFont="1" applyFill="1"/>
    <xf numFmtId="0" fontId="3" fillId="0" borderId="0" xfId="0" applyFont="1" applyFill="1"/>
    <xf numFmtId="0" fontId="0" fillId="0" borderId="36" xfId="0" applyFont="1" applyFill="1" applyBorder="1" applyAlignment="1">
      <alignment vertical="center"/>
    </xf>
    <xf numFmtId="0" fontId="0" fillId="0" borderId="23" xfId="0" applyFont="1" applyFill="1" applyBorder="1"/>
    <xf numFmtId="0" fontId="0" fillId="0" borderId="0" xfId="0" applyFont="1" applyFill="1" applyBorder="1"/>
    <xf numFmtId="0" fontId="9" fillId="0" borderId="0" xfId="0" applyFont="1" applyFill="1"/>
    <xf numFmtId="0" fontId="0" fillId="0" borderId="46" xfId="0" applyFont="1" applyFill="1" applyBorder="1"/>
    <xf numFmtId="0" fontId="0" fillId="0" borderId="7" xfId="0" applyFont="1" applyFill="1" applyBorder="1"/>
    <xf numFmtId="0" fontId="0" fillId="0" borderId="10" xfId="0" applyFont="1" applyFill="1" applyBorder="1"/>
    <xf numFmtId="0" fontId="0" fillId="0" borderId="8" xfId="0" applyFont="1" applyFill="1" applyBorder="1"/>
    <xf numFmtId="0" fontId="4" fillId="0" borderId="0" xfId="0" applyFont="1" applyFill="1"/>
    <xf numFmtId="0" fontId="0" fillId="0" borderId="47" xfId="0" applyFont="1" applyFill="1" applyBorder="1" applyAlignment="1">
      <alignment vertical="center"/>
    </xf>
    <xf numFmtId="0" fontId="0" fillId="0" borderId="0" xfId="0" applyFont="1" applyFill="1" applyBorder="1" applyAlignment="1"/>
    <xf numFmtId="0" fontId="3" fillId="0" borderId="0" xfId="0" applyFont="1" applyFill="1" applyBorder="1" applyAlignment="1">
      <alignment horizontal="left" vertical="center"/>
    </xf>
    <xf numFmtId="0" fontId="0" fillId="0" borderId="53" xfId="0" applyFont="1" applyFill="1" applyBorder="1" applyAlignment="1">
      <alignment vertical="center"/>
    </xf>
    <xf numFmtId="0" fontId="0" fillId="0" borderId="63" xfId="0" applyFont="1" applyFill="1" applyBorder="1" applyAlignment="1">
      <alignment vertical="center"/>
    </xf>
    <xf numFmtId="0" fontId="0" fillId="0" borderId="0" xfId="0" applyFont="1" applyFill="1" applyAlignment="1">
      <alignment horizontal="left" vertical="center"/>
    </xf>
    <xf numFmtId="0" fontId="0" fillId="0" borderId="7" xfId="0" applyFont="1" applyFill="1" applyBorder="1" applyAlignment="1">
      <alignment vertical="center"/>
    </xf>
    <xf numFmtId="0" fontId="0" fillId="0" borderId="8" xfId="0" applyFont="1" applyFill="1" applyBorder="1" applyAlignment="1">
      <alignment vertical="center"/>
    </xf>
    <xf numFmtId="0" fontId="0" fillId="0" borderId="26" xfId="0" applyFont="1" applyFill="1" applyBorder="1" applyAlignment="1"/>
    <xf numFmtId="0" fontId="0" fillId="0" borderId="48" xfId="0" applyFont="1" applyFill="1" applyBorder="1" applyAlignment="1">
      <alignment horizontal="center" vertical="center"/>
    </xf>
    <xf numFmtId="0" fontId="0" fillId="0" borderId="63" xfId="0" applyFont="1" applyFill="1" applyBorder="1" applyAlignment="1">
      <alignment horizontal="center" vertical="center"/>
    </xf>
    <xf numFmtId="0" fontId="4" fillId="0" borderId="0" xfId="0" applyFont="1" applyFill="1" applyAlignment="1"/>
    <xf numFmtId="0" fontId="6" fillId="0" borderId="0" xfId="0" applyFont="1" applyFill="1" applyBorder="1" applyAlignment="1">
      <alignment vertical="top" wrapText="1"/>
    </xf>
    <xf numFmtId="0" fontId="10" fillId="0" borderId="0" xfId="0" applyFont="1" applyFill="1"/>
    <xf numFmtId="0" fontId="6" fillId="0" borderId="45" xfId="0" applyFont="1" applyFill="1" applyBorder="1" applyAlignment="1">
      <alignment vertical="top" wrapText="1"/>
    </xf>
    <xf numFmtId="0" fontId="10" fillId="0" borderId="0" xfId="0" applyFont="1" applyFill="1" applyBorder="1" applyAlignment="1">
      <alignment horizontal="left" vertical="center"/>
    </xf>
    <xf numFmtId="0" fontId="0" fillId="0" borderId="0" xfId="2" applyFont="1" applyFill="1"/>
    <xf numFmtId="0" fontId="0" fillId="0" borderId="0" xfId="2" applyFont="1" applyFill="1" applyBorder="1"/>
    <xf numFmtId="0" fontId="0" fillId="0" borderId="46" xfId="2" applyFont="1" applyFill="1" applyBorder="1"/>
    <xf numFmtId="0" fontId="0" fillId="0" borderId="0" xfId="2" applyFont="1" applyFill="1" applyBorder="1" applyAlignment="1">
      <alignment vertical="center"/>
    </xf>
    <xf numFmtId="0" fontId="0" fillId="0" borderId="0" xfId="2" applyFont="1" applyFill="1" applyAlignment="1">
      <alignment vertical="top"/>
    </xf>
    <xf numFmtId="0" fontId="16" fillId="0" borderId="0" xfId="0" applyFont="1" applyFill="1"/>
    <xf numFmtId="0" fontId="4" fillId="0" borderId="0" xfId="0" applyFont="1" applyFill="1" applyAlignment="1">
      <alignment vertical="center"/>
    </xf>
    <xf numFmtId="0" fontId="8" fillId="0" borderId="0" xfId="2" applyFont="1" applyFill="1" applyBorder="1" applyAlignment="1">
      <alignment vertical="center" wrapText="1"/>
    </xf>
    <xf numFmtId="0" fontId="10" fillId="0" borderId="0" xfId="0" applyFont="1" applyFill="1" applyBorder="1" applyAlignment="1">
      <alignment horizontal="left" vertical="center" wrapText="1"/>
    </xf>
    <xf numFmtId="0" fontId="0" fillId="0" borderId="0" xfId="0" applyFont="1" applyFill="1" applyBorder="1" applyAlignment="1">
      <alignment vertical="center" wrapText="1"/>
    </xf>
    <xf numFmtId="0" fontId="0" fillId="0" borderId="7" xfId="0" applyFont="1" applyFill="1" applyBorder="1" applyAlignment="1">
      <alignment horizontal="center" vertical="center"/>
    </xf>
    <xf numFmtId="0" fontId="0" fillId="0" borderId="50" xfId="0" applyFont="1" applyFill="1" applyBorder="1" applyAlignment="1">
      <alignment vertical="center"/>
    </xf>
    <xf numFmtId="0" fontId="0" fillId="0" borderId="0" xfId="0" applyFont="1" applyFill="1" applyBorder="1" applyAlignment="1">
      <alignment horizontal="left" vertical="center" wrapText="1"/>
    </xf>
    <xf numFmtId="0" fontId="0" fillId="0" borderId="8" xfId="0" applyFont="1" applyFill="1" applyBorder="1" applyAlignment="1">
      <alignment horizontal="center" vertical="center"/>
    </xf>
    <xf numFmtId="0" fontId="0" fillId="0" borderId="0" xfId="2" applyFont="1" applyFill="1" applyBorder="1" applyAlignment="1">
      <alignment vertical="center" wrapText="1"/>
    </xf>
    <xf numFmtId="0" fontId="0" fillId="0" borderId="45" xfId="0" applyFont="1" applyFill="1" applyBorder="1" applyAlignment="1">
      <alignment vertical="center"/>
    </xf>
    <xf numFmtId="0" fontId="0" fillId="0" borderId="0" xfId="0" applyFont="1" applyFill="1" applyAlignment="1">
      <alignment vertical="center"/>
    </xf>
    <xf numFmtId="0" fontId="0" fillId="0" borderId="0" xfId="0" applyFont="1" applyFill="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5" fillId="0" borderId="0" xfId="0" applyFont="1" applyFill="1" applyAlignment="1">
      <alignment vertical="center" wrapText="1"/>
    </xf>
    <xf numFmtId="0" fontId="0" fillId="0" borderId="50" xfId="0" applyFont="1" applyFill="1" applyBorder="1" applyAlignment="1">
      <alignment vertical="center"/>
    </xf>
    <xf numFmtId="0" fontId="0" fillId="0" borderId="40" xfId="0" applyFont="1" applyFill="1" applyBorder="1" applyAlignment="1">
      <alignment vertical="center" wrapText="1"/>
    </xf>
    <xf numFmtId="0" fontId="0" fillId="0" borderId="44" xfId="0" applyFont="1" applyFill="1" applyBorder="1" applyAlignment="1">
      <alignment vertical="center" wrapText="1"/>
    </xf>
    <xf numFmtId="0" fontId="0" fillId="0" borderId="46"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3" fillId="0" borderId="0" xfId="5" applyFont="1" applyFill="1" applyBorder="1" applyAlignment="1"/>
    <xf numFmtId="0" fontId="12" fillId="0" borderId="0" xfId="5" applyFont="1" applyFill="1" applyBorder="1" applyAlignment="1"/>
    <xf numFmtId="0" fontId="12" fillId="0" borderId="0" xfId="5" applyFont="1" applyFill="1" applyBorder="1" applyAlignment="1">
      <alignment horizontal="center" vertical="center"/>
    </xf>
    <xf numFmtId="0" fontId="12" fillId="0" borderId="0" xfId="5" applyFont="1" applyFill="1" applyBorder="1" applyAlignment="1">
      <alignment vertical="center"/>
    </xf>
    <xf numFmtId="0" fontId="12" fillId="0" borderId="0" xfId="5" applyFont="1" applyFill="1" applyBorder="1"/>
    <xf numFmtId="0" fontId="4" fillId="0" borderId="0" xfId="5" applyFont="1" applyFill="1" applyBorder="1" applyAlignment="1">
      <alignment vertical="center" wrapText="1"/>
    </xf>
    <xf numFmtId="0" fontId="4" fillId="0" borderId="0" xfId="5" applyFont="1" applyFill="1" applyBorder="1" applyAlignment="1">
      <alignment vertical="center"/>
    </xf>
    <xf numFmtId="0" fontId="12" fillId="0" borderId="0" xfId="5" applyFont="1" applyFill="1" applyBorder="1" applyAlignment="1">
      <alignment vertical="center" wrapText="1"/>
    </xf>
    <xf numFmtId="0" fontId="12" fillId="0" borderId="0" xfId="5" applyFont="1" applyFill="1"/>
    <xf numFmtId="0" fontId="17" fillId="0" borderId="0" xfId="1" applyFont="1" applyFill="1" applyBorder="1" applyAlignment="1">
      <alignment vertical="top" wrapText="1" shrinkToFit="1"/>
    </xf>
    <xf numFmtId="0" fontId="4" fillId="0" borderId="0" xfId="5" applyFont="1" applyFill="1" applyBorder="1" applyAlignment="1"/>
    <xf numFmtId="0" fontId="7" fillId="0" borderId="0" xfId="5" applyFont="1" applyFill="1" applyBorder="1" applyAlignment="1">
      <alignment vertical="center"/>
    </xf>
    <xf numFmtId="0" fontId="14" fillId="0" borderId="0" xfId="5" applyFont="1" applyFill="1" applyBorder="1" applyAlignment="1">
      <alignment vertical="center"/>
    </xf>
    <xf numFmtId="0" fontId="6" fillId="0" borderId="7" xfId="0" applyFont="1" applyFill="1" applyBorder="1" applyAlignment="1">
      <alignment vertical="top" wrapText="1"/>
    </xf>
    <xf numFmtId="0" fontId="18" fillId="0" borderId="0" xfId="0" applyFont="1" applyFill="1" applyAlignment="1">
      <alignment vertical="center"/>
    </xf>
    <xf numFmtId="0" fontId="18" fillId="0" borderId="0" xfId="0" applyFont="1" applyFill="1"/>
    <xf numFmtId="0" fontId="18" fillId="0" borderId="0" xfId="0" applyFont="1" applyFill="1" applyAlignment="1">
      <alignment vertical="top" wrapText="1"/>
    </xf>
    <xf numFmtId="0" fontId="18" fillId="0" borderId="0" xfId="0" applyFont="1" applyFill="1" applyAlignment="1"/>
    <xf numFmtId="0" fontId="18" fillId="2" borderId="4" xfId="0" applyFont="1" applyFill="1" applyBorder="1"/>
    <xf numFmtId="0" fontId="18" fillId="2" borderId="0" xfId="0" applyFont="1" applyFill="1" applyBorder="1"/>
    <xf numFmtId="0" fontId="18" fillId="2" borderId="5" xfId="0" applyFont="1" applyFill="1" applyBorder="1"/>
    <xf numFmtId="0" fontId="24" fillId="2" borderId="4" xfId="0" applyFont="1" applyFill="1" applyBorder="1" applyAlignment="1">
      <alignment horizontal="center" vertical="center"/>
    </xf>
    <xf numFmtId="0" fontId="18" fillId="2" borderId="0" xfId="0" applyFont="1" applyFill="1" applyBorder="1" applyAlignment="1">
      <alignment horizontal="center" vertical="center"/>
    </xf>
    <xf numFmtId="0" fontId="26" fillId="2" borderId="0" xfId="0" applyFont="1" applyFill="1" applyBorder="1" applyAlignment="1">
      <alignment horizontal="center" vertical="center"/>
    </xf>
    <xf numFmtId="0" fontId="18" fillId="2" borderId="5"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12" xfId="0" applyFont="1" applyFill="1" applyBorder="1"/>
    <xf numFmtId="0" fontId="18" fillId="2" borderId="13" xfId="0" applyFont="1" applyFill="1" applyBorder="1"/>
    <xf numFmtId="0" fontId="18" fillId="2" borderId="13" xfId="0" applyFont="1" applyFill="1" applyBorder="1" applyAlignment="1"/>
    <xf numFmtId="0" fontId="18" fillId="2" borderId="14" xfId="0" applyFont="1" applyFill="1" applyBorder="1" applyAlignment="1"/>
    <xf numFmtId="0" fontId="18" fillId="0" borderId="15" xfId="0" applyFont="1" applyFill="1" applyBorder="1"/>
    <xf numFmtId="0" fontId="18" fillId="0" borderId="16" xfId="0" applyFont="1" applyFill="1" applyBorder="1"/>
    <xf numFmtId="0" fontId="18" fillId="0" borderId="17" xfId="0" applyFont="1" applyFill="1" applyBorder="1"/>
    <xf numFmtId="0" fontId="29" fillId="0" borderId="0" xfId="0" applyFont="1" applyFill="1" applyBorder="1" applyAlignment="1">
      <alignment vertical="center"/>
    </xf>
    <xf numFmtId="0" fontId="30" fillId="0" borderId="0" xfId="0" applyFont="1" applyFill="1" applyBorder="1" applyAlignment="1">
      <alignment vertical="center"/>
    </xf>
    <xf numFmtId="0" fontId="18" fillId="0" borderId="0" xfId="0" applyFont="1" applyFill="1" applyBorder="1"/>
    <xf numFmtId="0" fontId="18" fillId="0" borderId="19" xfId="0" applyFont="1" applyFill="1" applyBorder="1"/>
    <xf numFmtId="0" fontId="18" fillId="0" borderId="18" xfId="0" applyFont="1" applyFill="1" applyBorder="1"/>
    <xf numFmtId="0" fontId="18" fillId="0" borderId="18" xfId="2" applyFont="1" applyFill="1" applyBorder="1"/>
    <xf numFmtId="0" fontId="18" fillId="0" borderId="0" xfId="2" applyFont="1" applyFill="1" applyBorder="1"/>
    <xf numFmtId="0" fontId="18" fillId="0" borderId="19" xfId="2" applyFont="1" applyFill="1" applyBorder="1"/>
    <xf numFmtId="0" fontId="18" fillId="0" borderId="0" xfId="2" applyFont="1" applyFill="1"/>
    <xf numFmtId="0" fontId="18" fillId="0" borderId="20" xfId="0" applyFont="1" applyFill="1" applyBorder="1"/>
    <xf numFmtId="0" fontId="18" fillId="0" borderId="21" xfId="0" applyFont="1" applyFill="1" applyBorder="1"/>
    <xf numFmtId="0" fontId="18" fillId="0" borderId="22" xfId="0" applyFont="1" applyFill="1" applyBorder="1"/>
    <xf numFmtId="0" fontId="19" fillId="0" borderId="23" xfId="0" applyFont="1" applyFill="1" applyBorder="1" applyAlignment="1">
      <alignment vertical="center"/>
    </xf>
    <xf numFmtId="0" fontId="19" fillId="0" borderId="0" xfId="0" applyFont="1" applyFill="1" applyAlignment="1">
      <alignment vertical="center"/>
    </xf>
    <xf numFmtId="0" fontId="34" fillId="0" borderId="0" xfId="0" applyFont="1" applyFill="1" applyAlignment="1">
      <alignment vertical="center" wrapText="1"/>
    </xf>
    <xf numFmtId="0" fontId="19" fillId="0" borderId="0" xfId="0" applyFont="1" applyFill="1" applyAlignment="1">
      <alignment vertical="top"/>
    </xf>
    <xf numFmtId="0" fontId="18" fillId="0" borderId="6" xfId="0" applyFont="1" applyFill="1" applyBorder="1"/>
    <xf numFmtId="0" fontId="18" fillId="0" borderId="7" xfId="0" applyFont="1" applyFill="1" applyBorder="1"/>
    <xf numFmtId="0" fontId="18" fillId="0" borderId="9" xfId="0" applyFont="1" applyFill="1" applyBorder="1"/>
    <xf numFmtId="0" fontId="18" fillId="0" borderId="10" xfId="0" applyFont="1" applyFill="1" applyBorder="1"/>
    <xf numFmtId="0" fontId="33" fillId="0" borderId="23" xfId="0" applyFont="1" applyFill="1" applyBorder="1" applyAlignment="1">
      <alignment horizontal="center" vertical="center"/>
    </xf>
    <xf numFmtId="0" fontId="33" fillId="0" borderId="0" xfId="0" applyFont="1" applyFill="1" applyBorder="1" applyAlignment="1">
      <alignment horizontal="center" vertical="center"/>
    </xf>
    <xf numFmtId="0" fontId="33" fillId="0" borderId="9" xfId="0" applyFont="1" applyFill="1" applyBorder="1" applyAlignment="1">
      <alignment horizontal="center" vertical="center"/>
    </xf>
    <xf numFmtId="0" fontId="33" fillId="0" borderId="10" xfId="0" applyFont="1" applyFill="1" applyBorder="1" applyAlignment="1">
      <alignment horizontal="center" vertical="center"/>
    </xf>
    <xf numFmtId="0" fontId="19" fillId="0" borderId="7" xfId="0" applyFont="1" applyFill="1" applyBorder="1" applyAlignment="1">
      <alignment horizontal="center"/>
    </xf>
    <xf numFmtId="0" fontId="19" fillId="0" borderId="0" xfId="0" applyFont="1" applyFill="1" applyBorder="1" applyAlignment="1">
      <alignment horizontal="center"/>
    </xf>
    <xf numFmtId="0" fontId="19" fillId="0" borderId="8" xfId="0" applyFont="1" applyFill="1" applyBorder="1" applyAlignment="1">
      <alignment horizontal="center"/>
    </xf>
    <xf numFmtId="0" fontId="36" fillId="0" borderId="27" xfId="0" applyFont="1" applyFill="1" applyBorder="1"/>
    <xf numFmtId="0" fontId="18" fillId="0" borderId="28" xfId="0" applyFont="1" applyFill="1" applyBorder="1"/>
    <xf numFmtId="0" fontId="18" fillId="0" borderId="29" xfId="0" applyFont="1" applyFill="1" applyBorder="1" applyAlignment="1">
      <alignment horizontal="center"/>
    </xf>
    <xf numFmtId="0" fontId="18" fillId="0" borderId="8" xfId="0" applyFont="1" applyFill="1" applyBorder="1"/>
    <xf numFmtId="0" fontId="18" fillId="0" borderId="0" xfId="0" applyFont="1" applyFill="1" applyBorder="1" applyAlignment="1">
      <alignment horizontal="center" vertical="center"/>
    </xf>
    <xf numFmtId="0" fontId="18" fillId="0" borderId="0" xfId="0" applyFont="1" applyFill="1" applyBorder="1" applyAlignment="1">
      <alignment vertical="center"/>
    </xf>
    <xf numFmtId="0" fontId="22" fillId="0" borderId="0" xfId="0" applyFont="1" applyFill="1"/>
    <xf numFmtId="0" fontId="37" fillId="0" borderId="0" xfId="0" applyFont="1" applyFill="1" applyBorder="1" applyAlignment="1">
      <alignment horizontal="left" vertical="center"/>
    </xf>
    <xf numFmtId="0" fontId="30" fillId="0" borderId="0" xfId="0" applyFont="1" applyFill="1"/>
    <xf numFmtId="0" fontId="18" fillId="0" borderId="36" xfId="0" applyFont="1" applyFill="1" applyBorder="1" applyAlignment="1">
      <alignment vertical="center"/>
    </xf>
    <xf numFmtId="0" fontId="18" fillId="0" borderId="23" xfId="0" applyFont="1" applyFill="1" applyBorder="1" applyAlignment="1">
      <alignment vertical="center"/>
    </xf>
    <xf numFmtId="0" fontId="18" fillId="0" borderId="23" xfId="0" applyFont="1" applyFill="1" applyBorder="1"/>
    <xf numFmtId="0" fontId="18" fillId="0" borderId="0" xfId="0" applyFont="1" applyFill="1" applyBorder="1" applyAlignment="1">
      <alignment vertical="center" wrapText="1"/>
    </xf>
    <xf numFmtId="0" fontId="18" fillId="0" borderId="36" xfId="0" applyFont="1" applyFill="1" applyBorder="1"/>
    <xf numFmtId="0" fontId="30" fillId="0" borderId="0" xfId="0" applyFont="1" applyFill="1" applyAlignment="1">
      <alignment vertical="center"/>
    </xf>
    <xf numFmtId="0" fontId="18" fillId="0" borderId="0" xfId="0" applyFont="1" applyFill="1" applyBorder="1" applyAlignment="1">
      <alignment horizontal="center" vertical="center" wrapText="1"/>
    </xf>
    <xf numFmtId="0" fontId="18" fillId="0" borderId="47" xfId="0" applyFont="1" applyFill="1" applyBorder="1" applyAlignment="1">
      <alignment vertical="center"/>
    </xf>
    <xf numFmtId="0" fontId="18" fillId="0" borderId="45" xfId="0" applyFont="1" applyFill="1" applyBorder="1" applyAlignment="1">
      <alignment vertical="center"/>
    </xf>
    <xf numFmtId="0" fontId="18" fillId="0" borderId="0" xfId="0" applyFont="1" applyFill="1" applyBorder="1" applyAlignment="1">
      <alignment horizontal="left" vertical="center" wrapText="1"/>
    </xf>
    <xf numFmtId="0" fontId="18" fillId="0" borderId="48" xfId="0" applyFont="1" applyFill="1" applyBorder="1" applyAlignment="1">
      <alignment vertical="center"/>
    </xf>
    <xf numFmtId="0" fontId="18" fillId="0" borderId="0" xfId="0" applyFont="1" applyFill="1" applyBorder="1" applyAlignment="1">
      <alignment horizontal="left" vertical="center"/>
    </xf>
    <xf numFmtId="0" fontId="18" fillId="0" borderId="0" xfId="0" applyFont="1" applyFill="1" applyBorder="1" applyAlignment="1"/>
    <xf numFmtId="0" fontId="18" fillId="0" borderId="47" xfId="0" applyFont="1" applyFill="1" applyBorder="1" applyAlignment="1"/>
    <xf numFmtId="0" fontId="18" fillId="0" borderId="45" xfId="0" applyFont="1" applyFill="1" applyBorder="1" applyAlignment="1"/>
    <xf numFmtId="0" fontId="18" fillId="0" borderId="39" xfId="0" applyFont="1" applyFill="1" applyBorder="1" applyAlignment="1">
      <alignment horizontal="left" vertical="center" wrapText="1"/>
    </xf>
    <xf numFmtId="0" fontId="18" fillId="0" borderId="36" xfId="0" applyFont="1" applyFill="1" applyBorder="1" applyAlignment="1"/>
    <xf numFmtId="0" fontId="18" fillId="0" borderId="50" xfId="0" applyFont="1" applyFill="1" applyBorder="1" applyAlignment="1"/>
    <xf numFmtId="0" fontId="18" fillId="0" borderId="46" xfId="0" applyFont="1" applyFill="1" applyBorder="1"/>
    <xf numFmtId="0" fontId="18" fillId="0" borderId="0" xfId="0" applyFont="1" applyFill="1" applyBorder="1" applyAlignment="1">
      <alignment horizontal="right" vertical="center"/>
    </xf>
    <xf numFmtId="0" fontId="18" fillId="0" borderId="23" xfId="0" applyFont="1" applyFill="1" applyBorder="1" applyAlignment="1"/>
    <xf numFmtId="0" fontId="18" fillId="0" borderId="47" xfId="0" applyFont="1" applyFill="1" applyBorder="1"/>
    <xf numFmtId="0" fontId="18" fillId="0" borderId="62" xfId="0" applyFont="1" applyFill="1" applyBorder="1"/>
    <xf numFmtId="0" fontId="18" fillId="0" borderId="45" xfId="0" applyFont="1" applyFill="1" applyBorder="1"/>
    <xf numFmtId="0" fontId="18" fillId="0" borderId="57" xfId="0" applyFont="1" applyFill="1" applyBorder="1" applyAlignment="1">
      <alignment horizontal="left" vertical="center" wrapText="1"/>
    </xf>
    <xf numFmtId="0" fontId="18" fillId="0" borderId="0" xfId="0" applyFont="1" applyFill="1" applyBorder="1" applyAlignment="1">
      <alignment horizontal="center"/>
    </xf>
    <xf numFmtId="0" fontId="18" fillId="0" borderId="56" xfId="0" applyFont="1" applyFill="1" applyBorder="1" applyAlignment="1">
      <alignment vertical="center"/>
    </xf>
    <xf numFmtId="0" fontId="18" fillId="0" borderId="57" xfId="0" applyFont="1" applyFill="1" applyBorder="1" applyAlignment="1">
      <alignment vertical="center"/>
    </xf>
    <xf numFmtId="0" fontId="18" fillId="0" borderId="57" xfId="0" applyFont="1" applyFill="1" applyBorder="1"/>
    <xf numFmtId="0" fontId="18" fillId="0" borderId="65" xfId="0" applyFont="1" applyFill="1" applyBorder="1" applyAlignment="1">
      <alignment vertical="center"/>
    </xf>
    <xf numFmtId="0" fontId="18" fillId="0" borderId="43" xfId="0" applyFont="1" applyFill="1" applyBorder="1"/>
    <xf numFmtId="0" fontId="18" fillId="0" borderId="65" xfId="0" applyFont="1" applyFill="1" applyBorder="1"/>
    <xf numFmtId="0" fontId="18" fillId="0" borderId="50" xfId="0" applyFont="1" applyFill="1" applyBorder="1" applyAlignment="1">
      <alignment vertical="center"/>
    </xf>
    <xf numFmtId="0" fontId="22" fillId="0" borderId="0" xfId="0" applyFont="1" applyFill="1" applyBorder="1" applyAlignment="1">
      <alignment horizontal="left" vertical="center"/>
    </xf>
    <xf numFmtId="0" fontId="22" fillId="0" borderId="0" xfId="0" applyFont="1" applyFill="1" applyAlignment="1">
      <alignment horizontal="left" vertical="center"/>
    </xf>
    <xf numFmtId="0" fontId="18" fillId="0" borderId="8" xfId="0" applyFont="1" applyFill="1" applyBorder="1" applyAlignment="1">
      <alignment horizontal="center" vertical="center"/>
    </xf>
    <xf numFmtId="0" fontId="18" fillId="0" borderId="7" xfId="0" applyFont="1" applyFill="1" applyBorder="1" applyAlignment="1">
      <alignment horizontal="center" vertical="center"/>
    </xf>
    <xf numFmtId="0" fontId="18" fillId="0" borderId="7" xfId="0" applyFont="1" applyFill="1" applyBorder="1" applyAlignment="1">
      <alignment vertical="center" wrapText="1"/>
    </xf>
    <xf numFmtId="0" fontId="18" fillId="0" borderId="46" xfId="0" applyFont="1" applyFill="1" applyBorder="1" applyAlignment="1">
      <alignment horizontal="center" vertical="center"/>
    </xf>
    <xf numFmtId="0" fontId="18" fillId="0" borderId="53" xfId="0" applyFont="1" applyFill="1" applyBorder="1" applyAlignment="1">
      <alignment vertical="center"/>
    </xf>
    <xf numFmtId="0" fontId="18" fillId="0" borderId="63" xfId="0" applyFont="1" applyFill="1" applyBorder="1" applyAlignment="1">
      <alignment vertical="center"/>
    </xf>
    <xf numFmtId="0" fontId="18" fillId="0" borderId="62" xfId="0" applyFont="1" applyFill="1" applyBorder="1" applyAlignment="1">
      <alignment vertical="center"/>
    </xf>
    <xf numFmtId="0" fontId="18" fillId="0" borderId="31" xfId="0" applyFont="1" applyFill="1" applyBorder="1" applyAlignment="1">
      <alignment horizontal="center" vertical="center"/>
    </xf>
    <xf numFmtId="0" fontId="18" fillId="0" borderId="32" xfId="0" applyFont="1" applyFill="1" applyBorder="1" applyAlignment="1">
      <alignment horizontal="center" vertical="center"/>
    </xf>
    <xf numFmtId="0" fontId="18" fillId="0" borderId="34" xfId="0" applyFont="1" applyFill="1" applyBorder="1" applyAlignment="1">
      <alignment horizontal="center" vertical="center"/>
    </xf>
    <xf numFmtId="0" fontId="18" fillId="0" borderId="35" xfId="0" applyFont="1" applyFill="1" applyBorder="1" applyAlignment="1">
      <alignment horizontal="center" vertical="center"/>
    </xf>
    <xf numFmtId="0" fontId="18" fillId="0" borderId="47" xfId="0" applyFont="1" applyFill="1" applyBorder="1" applyAlignment="1">
      <alignment horizontal="center" vertical="center"/>
    </xf>
    <xf numFmtId="0" fontId="18" fillId="0" borderId="50" xfId="0" applyFont="1" applyFill="1" applyBorder="1" applyAlignment="1">
      <alignment horizontal="center" vertical="center"/>
    </xf>
    <xf numFmtId="0" fontId="18" fillId="0" borderId="60" xfId="0" applyFont="1" applyFill="1" applyBorder="1" applyAlignment="1">
      <alignment vertical="center" wrapText="1"/>
    </xf>
    <xf numFmtId="0" fontId="18" fillId="0" borderId="61" xfId="0" applyFont="1" applyFill="1" applyBorder="1"/>
    <xf numFmtId="0" fontId="18" fillId="0" borderId="10" xfId="0" applyFont="1" applyFill="1" applyBorder="1" applyAlignment="1">
      <alignment horizontal="left" vertical="center" wrapText="1"/>
    </xf>
    <xf numFmtId="0" fontId="18" fillId="0" borderId="31" xfId="0" applyFont="1" applyFill="1" applyBorder="1" applyAlignment="1">
      <alignment vertical="center"/>
    </xf>
    <xf numFmtId="0" fontId="18" fillId="0" borderId="32" xfId="0" applyFont="1" applyFill="1" applyBorder="1" applyAlignment="1">
      <alignment vertical="center"/>
    </xf>
    <xf numFmtId="0" fontId="18" fillId="0" borderId="34" xfId="0" applyFont="1" applyFill="1" applyBorder="1" applyAlignment="1">
      <alignment vertical="center"/>
    </xf>
    <xf numFmtId="0" fontId="18" fillId="0" borderId="35" xfId="0" applyFont="1" applyFill="1" applyBorder="1" applyAlignment="1">
      <alignment vertical="center"/>
    </xf>
    <xf numFmtId="0" fontId="18" fillId="0" borderId="26" xfId="0" applyFont="1" applyFill="1" applyBorder="1" applyAlignment="1">
      <alignment horizontal="center" vertical="center"/>
    </xf>
    <xf numFmtId="0" fontId="18" fillId="0" borderId="45" xfId="0" applyFont="1" applyFill="1" applyBorder="1" applyAlignment="1">
      <alignment vertical="center" wrapText="1"/>
    </xf>
    <xf numFmtId="0" fontId="18" fillId="0" borderId="36" xfId="0" applyFont="1" applyFill="1" applyBorder="1" applyAlignment="1">
      <alignment horizontal="center" vertical="center"/>
    </xf>
    <xf numFmtId="0" fontId="18" fillId="0" borderId="23" xfId="0" applyFont="1" applyFill="1" applyBorder="1" applyAlignment="1">
      <alignment horizontal="center" vertical="center"/>
    </xf>
    <xf numFmtId="0" fontId="18" fillId="0" borderId="0" xfId="0" applyFont="1" applyFill="1" applyAlignment="1">
      <alignment horizontal="left" vertical="center"/>
    </xf>
    <xf numFmtId="0" fontId="18" fillId="0" borderId="0" xfId="2" applyFont="1" applyFill="1" applyAlignment="1"/>
    <xf numFmtId="0" fontId="18" fillId="0" borderId="0" xfId="2" applyFont="1" applyFill="1" applyBorder="1" applyAlignment="1">
      <alignment vertical="center" wrapText="1"/>
    </xf>
    <xf numFmtId="0" fontId="18" fillId="0" borderId="0" xfId="2" applyFont="1" applyFill="1" applyBorder="1" applyAlignment="1">
      <alignment vertical="center"/>
    </xf>
    <xf numFmtId="0" fontId="18" fillId="0" borderId="0" xfId="0" applyFont="1"/>
    <xf numFmtId="0" fontId="18" fillId="0" borderId="0" xfId="0" applyFont="1" applyFill="1" applyAlignment="1">
      <alignment horizontal="center" vertical="center"/>
    </xf>
    <xf numFmtId="0" fontId="19" fillId="0" borderId="0" xfId="0" applyFont="1" applyFill="1"/>
    <xf numFmtId="0" fontId="18" fillId="0" borderId="0" xfId="0" applyFont="1" applyFill="1" applyAlignment="1">
      <alignment vertical="center" wrapText="1"/>
    </xf>
    <xf numFmtId="0" fontId="19" fillId="0" borderId="7" xfId="0" applyFont="1" applyFill="1" applyBorder="1"/>
    <xf numFmtId="0" fontId="18" fillId="0" borderId="26" xfId="0" applyFont="1" applyFill="1" applyBorder="1" applyAlignment="1">
      <alignment vertical="center"/>
    </xf>
    <xf numFmtId="0" fontId="18" fillId="0" borderId="7" xfId="0" applyFont="1" applyFill="1" applyBorder="1" applyAlignment="1">
      <alignment vertical="top" wrapText="1"/>
    </xf>
    <xf numFmtId="0" fontId="18" fillId="0" borderId="0" xfId="0" applyFont="1" applyFill="1" applyBorder="1" applyAlignment="1">
      <alignment vertical="top" wrapText="1"/>
    </xf>
    <xf numFmtId="0" fontId="19" fillId="0" borderId="0" xfId="0" applyFont="1" applyFill="1" applyBorder="1"/>
    <xf numFmtId="0" fontId="18" fillId="0" borderId="0" xfId="0" applyFont="1" applyFill="1" applyAlignment="1">
      <alignment horizontal="left" vertical="center" wrapText="1"/>
    </xf>
    <xf numFmtId="0" fontId="18" fillId="0" borderId="46" xfId="2" applyFont="1" applyFill="1" applyBorder="1"/>
    <xf numFmtId="0" fontId="18" fillId="0" borderId="48" xfId="0" applyFont="1" applyFill="1" applyBorder="1"/>
    <xf numFmtId="0" fontId="18" fillId="0" borderId="53" xfId="2" applyFont="1" applyFill="1" applyBorder="1" applyAlignment="1">
      <alignment vertical="center"/>
    </xf>
    <xf numFmtId="0" fontId="18" fillId="0" borderId="63" xfId="2" applyFont="1" applyFill="1" applyBorder="1" applyAlignment="1">
      <alignment vertical="center"/>
    </xf>
    <xf numFmtId="0" fontId="18" fillId="0" borderId="50" xfId="2" applyFont="1" applyFill="1" applyBorder="1" applyAlignment="1">
      <alignment vertical="center"/>
    </xf>
    <xf numFmtId="0" fontId="18" fillId="0" borderId="47" xfId="2" applyFont="1" applyFill="1" applyBorder="1" applyAlignment="1">
      <alignment horizontal="center" vertical="center"/>
    </xf>
    <xf numFmtId="0" fontId="18" fillId="0" borderId="50" xfId="2" applyFont="1" applyFill="1" applyBorder="1" applyAlignment="1">
      <alignment horizontal="center" vertical="center"/>
    </xf>
    <xf numFmtId="0" fontId="18" fillId="0" borderId="45" xfId="2" applyFont="1" applyFill="1" applyBorder="1" applyAlignment="1">
      <alignment vertical="center"/>
    </xf>
    <xf numFmtId="0" fontId="37" fillId="0" borderId="19" xfId="0" applyFont="1" applyFill="1" applyBorder="1"/>
    <xf numFmtId="0" fontId="18" fillId="0" borderId="50" xfId="0" applyFont="1" applyFill="1" applyBorder="1"/>
    <xf numFmtId="0" fontId="38" fillId="0" borderId="56" xfId="0" applyFont="1" applyFill="1" applyBorder="1" applyAlignment="1">
      <alignment vertical="center"/>
    </xf>
    <xf numFmtId="0" fontId="19" fillId="0" borderId="0" xfId="0" applyFont="1" applyFill="1" applyAlignment="1">
      <alignment horizontal="left" vertical="top"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54"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5" xfId="0" applyFont="1" applyFill="1" applyBorder="1" applyAlignment="1">
      <alignment vertical="center" wrapText="1"/>
    </xf>
    <xf numFmtId="0" fontId="0" fillId="0" borderId="0" xfId="0" applyFont="1" applyFill="1" applyBorder="1" applyAlignment="1">
      <alignment vertical="top" wrapText="1"/>
    </xf>
    <xf numFmtId="0" fontId="0" fillId="0" borderId="0" xfId="0" applyFont="1" applyFill="1" applyAlignment="1">
      <alignment vertical="top" wrapText="1"/>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37" xfId="0" applyFont="1" applyFill="1" applyBorder="1" applyAlignment="1">
      <alignment vertical="center" wrapText="1"/>
    </xf>
    <xf numFmtId="0" fontId="0" fillId="0" borderId="38" xfId="2" applyFont="1" applyFill="1" applyBorder="1" applyAlignment="1">
      <alignment vertical="center" wrapText="1"/>
    </xf>
    <xf numFmtId="0" fontId="0" fillId="0" borderId="39" xfId="2" applyFont="1" applyFill="1" applyBorder="1" applyAlignment="1">
      <alignment vertical="center" wrapText="1"/>
    </xf>
    <xf numFmtId="0" fontId="0" fillId="0" borderId="54" xfId="2" applyFont="1" applyFill="1" applyBorder="1" applyAlignment="1">
      <alignment vertical="center" wrapText="1"/>
    </xf>
    <xf numFmtId="0" fontId="0" fillId="0" borderId="42" xfId="2" applyFont="1" applyFill="1" applyBorder="1" applyAlignment="1">
      <alignment vertical="center" wrapText="1"/>
    </xf>
    <xf numFmtId="0" fontId="0" fillId="0" borderId="43" xfId="2" applyFont="1" applyFill="1" applyBorder="1" applyAlignment="1">
      <alignment vertical="center" wrapText="1"/>
    </xf>
    <xf numFmtId="0" fontId="0" fillId="0" borderId="55" xfId="2" applyFont="1" applyFill="1" applyBorder="1" applyAlignment="1">
      <alignment vertical="center" wrapText="1"/>
    </xf>
    <xf numFmtId="0" fontId="18" fillId="0" borderId="6" xfId="0" applyFont="1" applyFill="1" applyBorder="1" applyAlignment="1">
      <alignment horizontal="left" vertical="center" wrapText="1"/>
    </xf>
    <xf numFmtId="0" fontId="18" fillId="0" borderId="7" xfId="0" applyFont="1" applyFill="1" applyBorder="1" applyAlignment="1">
      <alignment horizontal="left" vertical="center" wrapText="1"/>
    </xf>
    <xf numFmtId="0" fontId="18" fillId="0" borderId="23"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8" fillId="0" borderId="9" xfId="0" applyFont="1" applyFill="1" applyBorder="1" applyAlignment="1">
      <alignment horizontal="left" vertical="center" wrapText="1"/>
    </xf>
    <xf numFmtId="0" fontId="18" fillId="0" borderId="10" xfId="0" applyFont="1" applyFill="1" applyBorder="1" applyAlignment="1">
      <alignment horizontal="left" vertical="center" wrapText="1"/>
    </xf>
    <xf numFmtId="0" fontId="18" fillId="0" borderId="11" xfId="0" applyFont="1" applyFill="1" applyBorder="1" applyAlignment="1">
      <alignment horizontal="left" vertical="center" wrapText="1"/>
    </xf>
    <xf numFmtId="0" fontId="5" fillId="0" borderId="0" xfId="0" applyFont="1" applyFill="1" applyAlignment="1">
      <alignment vertical="center" wrapText="1"/>
    </xf>
    <xf numFmtId="0" fontId="5" fillId="0" borderId="7" xfId="0" applyFont="1" applyFill="1" applyBorder="1" applyAlignment="1">
      <alignment vertical="center" wrapText="1"/>
    </xf>
    <xf numFmtId="0" fontId="0" fillId="0" borderId="31" xfId="2" applyFont="1" applyFill="1" applyBorder="1" applyAlignment="1">
      <alignment vertical="center"/>
    </xf>
    <xf numFmtId="0" fontId="0" fillId="0" borderId="32" xfId="2" applyFont="1" applyFill="1" applyBorder="1" applyAlignment="1">
      <alignment vertical="center"/>
    </xf>
    <xf numFmtId="0" fontId="0" fillId="0" borderId="34" xfId="2" applyFont="1" applyFill="1" applyBorder="1" applyAlignment="1">
      <alignment vertical="center"/>
    </xf>
    <xf numFmtId="0" fontId="0" fillId="0" borderId="35" xfId="2" applyFont="1" applyFill="1" applyBorder="1" applyAlignment="1">
      <alignment vertical="center"/>
    </xf>
    <xf numFmtId="0" fontId="19" fillId="0" borderId="39" xfId="0" applyFont="1" applyFill="1" applyBorder="1" applyAlignment="1">
      <alignment vertical="center" wrapText="1"/>
    </xf>
    <xf numFmtId="0" fontId="18" fillId="0" borderId="39" xfId="0" applyFont="1" applyFill="1" applyBorder="1" applyAlignment="1">
      <alignment vertical="center" wrapText="1"/>
    </xf>
    <xf numFmtId="0" fontId="18" fillId="0" borderId="0" xfId="0" applyFont="1" applyFill="1" applyAlignment="1">
      <alignment vertical="center" wrapText="1"/>
    </xf>
    <xf numFmtId="0" fontId="18" fillId="0" borderId="39" xfId="0" applyFont="1" applyFill="1" applyBorder="1" applyAlignment="1">
      <alignment vertical="top" wrapText="1"/>
    </xf>
    <xf numFmtId="0" fontId="18" fillId="0" borderId="0" xfId="0" applyFont="1" applyFill="1" applyAlignment="1">
      <alignment vertical="top" wrapText="1"/>
    </xf>
    <xf numFmtId="0" fontId="18" fillId="0" borderId="6" xfId="0" applyFont="1" applyFill="1" applyBorder="1" applyAlignment="1">
      <alignment horizontal="center" vertical="center"/>
    </xf>
    <xf numFmtId="0" fontId="18" fillId="0" borderId="8" xfId="0" applyFont="1" applyFill="1" applyBorder="1" applyAlignment="1">
      <alignment horizontal="center" vertical="center"/>
    </xf>
    <xf numFmtId="0" fontId="18" fillId="0" borderId="9" xfId="0" applyFont="1" applyFill="1" applyBorder="1" applyAlignment="1">
      <alignment horizontal="center" vertical="center"/>
    </xf>
    <xf numFmtId="0" fontId="18" fillId="0" borderId="11" xfId="0" applyFont="1" applyFill="1" applyBorder="1" applyAlignment="1">
      <alignment horizontal="center" vertical="center"/>
    </xf>
    <xf numFmtId="0" fontId="18" fillId="0" borderId="6" xfId="0" applyFont="1" applyFill="1" applyBorder="1" applyAlignment="1">
      <alignment vertical="center" wrapText="1"/>
    </xf>
    <xf numFmtId="0" fontId="18" fillId="0" borderId="7" xfId="0" applyFont="1" applyFill="1" applyBorder="1" applyAlignment="1">
      <alignment vertical="center" wrapText="1"/>
    </xf>
    <xf numFmtId="0" fontId="18" fillId="0" borderId="23" xfId="0" applyFont="1" applyFill="1" applyBorder="1" applyAlignment="1">
      <alignment vertical="center" wrapText="1"/>
    </xf>
    <xf numFmtId="0" fontId="18" fillId="0" borderId="9" xfId="0" applyFont="1" applyFill="1" applyBorder="1" applyAlignment="1">
      <alignment vertical="center" wrapText="1"/>
    </xf>
    <xf numFmtId="0" fontId="18" fillId="0" borderId="10" xfId="0" applyFont="1" applyFill="1" applyBorder="1" applyAlignment="1">
      <alignment vertical="center" wrapText="1"/>
    </xf>
    <xf numFmtId="0" fontId="18" fillId="0" borderId="31" xfId="0" applyFont="1" applyFill="1" applyBorder="1" applyAlignment="1">
      <alignment vertical="center"/>
    </xf>
    <xf numFmtId="0" fontId="18" fillId="0" borderId="32" xfId="0" applyFont="1" applyFill="1" applyBorder="1" applyAlignment="1">
      <alignment vertical="center"/>
    </xf>
    <xf numFmtId="0" fontId="18" fillId="0" borderId="34" xfId="0" applyFont="1" applyFill="1" applyBorder="1" applyAlignment="1">
      <alignment vertical="center"/>
    </xf>
    <xf numFmtId="0" fontId="18" fillId="0" borderId="35" xfId="0" applyFont="1" applyFill="1" applyBorder="1" applyAlignment="1">
      <alignment vertical="center"/>
    </xf>
    <xf numFmtId="0" fontId="18" fillId="0" borderId="30" xfId="0" applyFont="1" applyFill="1" applyBorder="1" applyAlignment="1">
      <alignment vertical="center" wrapText="1"/>
    </xf>
    <xf numFmtId="0" fontId="18" fillId="0" borderId="37" xfId="0" applyFont="1" applyFill="1" applyBorder="1" applyAlignment="1">
      <alignment vertical="center" wrapText="1"/>
    </xf>
    <xf numFmtId="0" fontId="18" fillId="0" borderId="0" xfId="0" applyFont="1" applyFill="1" applyBorder="1" applyAlignment="1">
      <alignment vertical="center" wrapText="1"/>
    </xf>
    <xf numFmtId="0" fontId="18" fillId="0" borderId="34" xfId="0" applyFont="1" applyFill="1" applyBorder="1" applyAlignment="1"/>
    <xf numFmtId="0" fontId="18" fillId="0" borderId="35" xfId="0" applyFont="1" applyFill="1" applyBorder="1" applyAlignment="1"/>
    <xf numFmtId="0" fontId="18" fillId="0" borderId="43" xfId="0" applyFont="1" applyFill="1" applyBorder="1" applyAlignment="1">
      <alignment vertical="center" wrapText="1"/>
    </xf>
    <xf numFmtId="0" fontId="18" fillId="0" borderId="38" xfId="0" applyFont="1" applyFill="1" applyBorder="1" applyAlignment="1">
      <alignment horizontal="left" vertical="center" wrapText="1"/>
    </xf>
    <xf numFmtId="0" fontId="18" fillId="0" borderId="39" xfId="0" applyFont="1" applyFill="1" applyBorder="1" applyAlignment="1">
      <alignment horizontal="left" vertical="center" wrapText="1"/>
    </xf>
    <xf numFmtId="0" fontId="18" fillId="0" borderId="40" xfId="0" applyFont="1" applyFill="1" applyBorder="1" applyAlignment="1">
      <alignment horizontal="left" vertical="center" wrapText="1"/>
    </xf>
    <xf numFmtId="0" fontId="18" fillId="0" borderId="42" xfId="0" applyFont="1" applyFill="1" applyBorder="1" applyAlignment="1">
      <alignment horizontal="left" vertical="center" wrapText="1"/>
    </xf>
    <xf numFmtId="0" fontId="18" fillId="0" borderId="43" xfId="0" applyFont="1" applyFill="1" applyBorder="1" applyAlignment="1">
      <alignment horizontal="left" vertical="center" wrapText="1"/>
    </xf>
    <xf numFmtId="0" fontId="18" fillId="0" borderId="44" xfId="0" applyFont="1" applyFill="1" applyBorder="1" applyAlignment="1">
      <alignment horizontal="left" vertical="center" wrapText="1"/>
    </xf>
    <xf numFmtId="0" fontId="18" fillId="0" borderId="0" xfId="2" applyFont="1" applyFill="1" applyBorder="1" applyAlignment="1">
      <alignment horizontal="left" vertical="center" wrapText="1"/>
    </xf>
    <xf numFmtId="0" fontId="18" fillId="0" borderId="38" xfId="2" applyFont="1" applyFill="1" applyBorder="1" applyAlignment="1">
      <alignment vertical="center" wrapText="1"/>
    </xf>
    <xf numFmtId="0" fontId="18" fillId="0" borderId="39" xfId="2" applyFont="1" applyFill="1" applyBorder="1" applyAlignment="1">
      <alignment vertical="center" wrapText="1"/>
    </xf>
    <xf numFmtId="0" fontId="18" fillId="0" borderId="54" xfId="2" applyFont="1" applyFill="1" applyBorder="1" applyAlignment="1">
      <alignment vertical="center" wrapText="1"/>
    </xf>
    <xf numFmtId="0" fontId="18" fillId="0" borderId="42" xfId="2" applyFont="1" applyFill="1" applyBorder="1" applyAlignment="1">
      <alignment vertical="center" wrapText="1"/>
    </xf>
    <xf numFmtId="0" fontId="18" fillId="0" borderId="43" xfId="2" applyFont="1" applyFill="1" applyBorder="1" applyAlignment="1">
      <alignment vertical="center" wrapText="1"/>
    </xf>
    <xf numFmtId="0" fontId="18" fillId="0" borderId="55" xfId="2" applyFont="1" applyFill="1" applyBorder="1" applyAlignment="1">
      <alignment vertical="center" wrapText="1"/>
    </xf>
    <xf numFmtId="0" fontId="18" fillId="0" borderId="31" xfId="2" applyFont="1" applyFill="1" applyBorder="1" applyAlignment="1">
      <alignment vertical="center"/>
    </xf>
    <xf numFmtId="0" fontId="18" fillId="0" borderId="32" xfId="2" applyFont="1" applyFill="1" applyBorder="1" applyAlignment="1">
      <alignment vertical="center"/>
    </xf>
    <xf numFmtId="0" fontId="18" fillId="0" borderId="34" xfId="2" applyFont="1" applyFill="1" applyBorder="1" applyAlignment="1">
      <alignment vertical="center"/>
    </xf>
    <xf numFmtId="0" fontId="18" fillId="0" borderId="35" xfId="2" applyFont="1" applyFill="1" applyBorder="1" applyAlignment="1">
      <alignment vertical="center"/>
    </xf>
    <xf numFmtId="0" fontId="18" fillId="0" borderId="7" xfId="0" applyFont="1" applyFill="1" applyBorder="1" applyAlignment="1">
      <alignment horizontal="center" vertical="center"/>
    </xf>
    <xf numFmtId="0" fontId="18" fillId="0" borderId="10" xfId="0" applyFont="1" applyFill="1" applyBorder="1" applyAlignment="1">
      <alignment horizontal="center" vertical="center"/>
    </xf>
    <xf numFmtId="0" fontId="18" fillId="0" borderId="30" xfId="0" applyFont="1" applyFill="1" applyBorder="1" applyAlignment="1">
      <alignment horizontal="left" vertical="center" wrapText="1"/>
    </xf>
    <xf numFmtId="0" fontId="18" fillId="0" borderId="37" xfId="0" applyFont="1" applyFill="1" applyBorder="1" applyAlignment="1">
      <alignment horizontal="left" vertical="center" wrapText="1"/>
    </xf>
    <xf numFmtId="0" fontId="18" fillId="0" borderId="38" xfId="0" applyFont="1" applyFill="1" applyBorder="1" applyAlignment="1">
      <alignment vertical="center" wrapText="1"/>
    </xf>
    <xf numFmtId="0" fontId="18" fillId="0" borderId="45" xfId="0" applyFont="1" applyFill="1" applyBorder="1" applyAlignment="1">
      <alignment vertical="center" wrapText="1"/>
    </xf>
    <xf numFmtId="0" fontId="18" fillId="0" borderId="42" xfId="0" applyFont="1" applyFill="1" applyBorder="1" applyAlignment="1">
      <alignment vertical="center" wrapText="1"/>
    </xf>
    <xf numFmtId="0" fontId="18" fillId="0" borderId="45" xfId="0" applyFont="1" applyFill="1" applyBorder="1" applyAlignment="1">
      <alignment horizontal="left" vertical="center" wrapText="1"/>
    </xf>
    <xf numFmtId="0" fontId="18" fillId="0" borderId="46" xfId="0" applyFont="1" applyFill="1" applyBorder="1" applyAlignment="1">
      <alignment horizontal="left" vertical="center" wrapText="1"/>
    </xf>
    <xf numFmtId="0" fontId="18" fillId="0" borderId="54" xfId="0" applyFont="1" applyFill="1" applyBorder="1" applyAlignment="1">
      <alignment vertical="center" wrapText="1"/>
    </xf>
    <xf numFmtId="0" fontId="18" fillId="0" borderId="33" xfId="0" applyFont="1" applyFill="1" applyBorder="1" applyAlignment="1">
      <alignment vertical="center" wrapText="1"/>
    </xf>
    <xf numFmtId="0" fontId="18" fillId="0" borderId="44" xfId="0" applyFont="1" applyFill="1" applyBorder="1" applyAlignment="1">
      <alignment vertical="center" wrapText="1"/>
    </xf>
    <xf numFmtId="0" fontId="18" fillId="0" borderId="11" xfId="0" applyFont="1" applyFill="1" applyBorder="1" applyAlignment="1">
      <alignment vertical="center" wrapText="1"/>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0" fillId="0" borderId="26" xfId="0" applyFont="1" applyFill="1" applyBorder="1" applyAlignment="1">
      <alignment vertical="center" wrapText="1"/>
    </xf>
    <xf numFmtId="0" fontId="0" fillId="0" borderId="11" xfId="0" applyFont="1" applyFill="1" applyBorder="1" applyAlignment="1">
      <alignment vertical="center" wrapText="1"/>
    </xf>
    <xf numFmtId="0" fontId="19" fillId="0" borderId="0" xfId="0" applyFont="1" applyFill="1" applyAlignment="1">
      <alignment vertical="center" wrapText="1"/>
    </xf>
    <xf numFmtId="0" fontId="19" fillId="0" borderId="7" xfId="0" applyFont="1" applyFill="1" applyBorder="1" applyAlignment="1">
      <alignment vertical="center" wrapText="1"/>
    </xf>
    <xf numFmtId="0" fontId="18" fillId="0" borderId="55" xfId="0" applyFont="1" applyFill="1" applyBorder="1" applyAlignment="1">
      <alignment vertical="center" wrapText="1"/>
    </xf>
    <xf numFmtId="0" fontId="0" fillId="0" borderId="45" xfId="0" applyFont="1" applyFill="1" applyBorder="1" applyAlignment="1">
      <alignment vertical="center" wrapText="1"/>
    </xf>
    <xf numFmtId="0" fontId="18" fillId="0" borderId="49" xfId="0" applyFont="1" applyFill="1" applyBorder="1" applyAlignment="1">
      <alignment horizontal="left" vertical="center" wrapText="1"/>
    </xf>
    <xf numFmtId="0" fontId="18" fillId="0" borderId="51" xfId="0" applyFont="1" applyFill="1" applyBorder="1" applyAlignment="1">
      <alignment horizontal="center" vertical="center"/>
    </xf>
    <xf numFmtId="0" fontId="18" fillId="0" borderId="41" xfId="0" applyFont="1" applyFill="1" applyBorder="1" applyAlignment="1">
      <alignment horizontal="center" vertical="center"/>
    </xf>
    <xf numFmtId="0" fontId="10" fillId="0" borderId="38" xfId="0" applyFont="1" applyFill="1" applyBorder="1" applyAlignment="1">
      <alignment horizontal="left" vertical="center" wrapText="1"/>
    </xf>
    <xf numFmtId="0" fontId="10" fillId="0" borderId="39" xfId="0" applyFont="1" applyFill="1" applyBorder="1" applyAlignment="1">
      <alignment horizontal="left" vertical="center" wrapText="1"/>
    </xf>
    <xf numFmtId="0" fontId="10" fillId="0" borderId="40" xfId="0" applyFont="1" applyFill="1" applyBorder="1" applyAlignment="1">
      <alignment horizontal="left" vertical="center" wrapText="1"/>
    </xf>
    <xf numFmtId="0" fontId="10" fillId="0" borderId="45"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46" xfId="0" applyFont="1" applyFill="1" applyBorder="1" applyAlignment="1">
      <alignment horizontal="left" vertical="center" wrapText="1"/>
    </xf>
    <xf numFmtId="0" fontId="10" fillId="0" borderId="42" xfId="0" applyFont="1" applyFill="1" applyBorder="1" applyAlignment="1">
      <alignment horizontal="left" vertical="center" wrapText="1"/>
    </xf>
    <xf numFmtId="0" fontId="10" fillId="0" borderId="43" xfId="0" applyFont="1" applyFill="1" applyBorder="1" applyAlignment="1">
      <alignment horizontal="left" vertical="center" wrapText="1"/>
    </xf>
    <xf numFmtId="0" fontId="10" fillId="0" borderId="44" xfId="0" applyFont="1" applyFill="1" applyBorder="1" applyAlignment="1">
      <alignment horizontal="left" vertical="center" wrapText="1"/>
    </xf>
    <xf numFmtId="0" fontId="33" fillId="0" borderId="6" xfId="0" applyFont="1" applyFill="1" applyBorder="1" applyAlignment="1">
      <alignment horizontal="center" vertical="center"/>
    </xf>
    <xf numFmtId="0" fontId="33" fillId="0" borderId="7" xfId="0" applyFont="1" applyFill="1" applyBorder="1" applyAlignment="1">
      <alignment horizontal="center" vertical="center"/>
    </xf>
    <xf numFmtId="0" fontId="33" fillId="0" borderId="8" xfId="0" applyFont="1" applyFill="1" applyBorder="1" applyAlignment="1">
      <alignment horizontal="center" vertical="center"/>
    </xf>
    <xf numFmtId="0" fontId="33" fillId="0" borderId="9"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11" xfId="0" applyFont="1" applyFill="1" applyBorder="1" applyAlignment="1">
      <alignment horizontal="center" vertical="center"/>
    </xf>
    <xf numFmtId="0" fontId="33" fillId="0" borderId="6" xfId="0" applyFont="1" applyFill="1" applyBorder="1" applyAlignment="1">
      <alignment horizontal="right" vertical="center"/>
    </xf>
    <xf numFmtId="0" fontId="33" fillId="0" borderId="7" xfId="0" applyFont="1" applyFill="1" applyBorder="1" applyAlignment="1">
      <alignment horizontal="right" vertical="center"/>
    </xf>
    <xf numFmtId="0" fontId="33" fillId="0" borderId="9" xfId="0" applyFont="1" applyFill="1" applyBorder="1" applyAlignment="1">
      <alignment horizontal="right" vertical="center"/>
    </xf>
    <xf numFmtId="0" fontId="33" fillId="0" borderId="10" xfId="0" applyFont="1" applyFill="1" applyBorder="1" applyAlignment="1">
      <alignment horizontal="right" vertical="center"/>
    </xf>
    <xf numFmtId="0" fontId="18" fillId="0" borderId="23"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0" xfId="0" applyFont="1" applyFill="1" applyAlignment="1">
      <alignment horizontal="center" vertical="center"/>
    </xf>
    <xf numFmtId="0" fontId="18" fillId="0" borderId="26" xfId="0" applyFont="1" applyFill="1" applyBorder="1" applyAlignment="1">
      <alignment horizontal="center" vertical="center"/>
    </xf>
    <xf numFmtId="0" fontId="19" fillId="0" borderId="6" xfId="0" applyFont="1" applyFill="1" applyBorder="1" applyAlignment="1">
      <alignment vertical="top"/>
    </xf>
    <xf numFmtId="0" fontId="18" fillId="0" borderId="7" xfId="0" applyFont="1" applyFill="1" applyBorder="1" applyAlignment="1">
      <alignment vertical="top"/>
    </xf>
    <xf numFmtId="0" fontId="34" fillId="0" borderId="23" xfId="0" applyFont="1" applyFill="1" applyBorder="1" applyAlignment="1">
      <alignment vertical="center"/>
    </xf>
    <xf numFmtId="0" fontId="35" fillId="0" borderId="0" xfId="0" applyFont="1" applyFill="1" applyBorder="1" applyAlignment="1">
      <alignment vertical="center"/>
    </xf>
    <xf numFmtId="0" fontId="35" fillId="0" borderId="26" xfId="0" applyFont="1" applyFill="1" applyBorder="1" applyAlignment="1">
      <alignment vertical="center"/>
    </xf>
    <xf numFmtId="0" fontId="33" fillId="0" borderId="23" xfId="0" applyFont="1" applyFill="1" applyBorder="1" applyAlignment="1">
      <alignment vertical="center"/>
    </xf>
    <xf numFmtId="0" fontId="33" fillId="0" borderId="0" xfId="0" applyFont="1" applyFill="1" applyBorder="1" applyAlignment="1">
      <alignment vertical="center"/>
    </xf>
    <xf numFmtId="0" fontId="33" fillId="0" borderId="26" xfId="0" applyFont="1" applyFill="1" applyBorder="1" applyAlignment="1">
      <alignment vertical="center"/>
    </xf>
    <xf numFmtId="0" fontId="33" fillId="0" borderId="9" xfId="0" applyFont="1" applyFill="1" applyBorder="1" applyAlignment="1">
      <alignment vertical="center"/>
    </xf>
    <xf numFmtId="0" fontId="33" fillId="0" borderId="10" xfId="0" applyFont="1" applyFill="1" applyBorder="1" applyAlignment="1">
      <alignment vertical="center"/>
    </xf>
    <xf numFmtId="0" fontId="33" fillId="0" borderId="11" xfId="0" applyFont="1" applyFill="1" applyBorder="1" applyAlignment="1">
      <alignment vertical="center"/>
    </xf>
    <xf numFmtId="0" fontId="33" fillId="0" borderId="23" xfId="0" applyFont="1" applyFill="1" applyBorder="1" applyAlignment="1">
      <alignment horizontal="center" vertical="center"/>
    </xf>
    <xf numFmtId="0" fontId="33" fillId="0" borderId="0" xfId="0" applyFont="1" applyFill="1" applyBorder="1" applyAlignment="1">
      <alignment horizontal="center" vertical="center"/>
    </xf>
    <xf numFmtId="0" fontId="18" fillId="0" borderId="23" xfId="0" applyFont="1" applyFill="1" applyBorder="1" applyAlignment="1">
      <alignment vertical="center"/>
    </xf>
    <xf numFmtId="0" fontId="18" fillId="0" borderId="0" xfId="0" applyFont="1" applyFill="1" applyBorder="1" applyAlignment="1">
      <alignment vertical="center"/>
    </xf>
    <xf numFmtId="0" fontId="18" fillId="0" borderId="26" xfId="0" applyFont="1" applyFill="1" applyBorder="1" applyAlignment="1">
      <alignment vertical="center"/>
    </xf>
    <xf numFmtId="0" fontId="18" fillId="0" borderId="9" xfId="0" applyFont="1" applyFill="1" applyBorder="1" applyAlignment="1">
      <alignment vertical="center"/>
    </xf>
    <xf numFmtId="0" fontId="18" fillId="0" borderId="10" xfId="0" applyFont="1" applyFill="1" applyBorder="1" applyAlignment="1">
      <alignment vertical="center"/>
    </xf>
    <xf numFmtId="0" fontId="18" fillId="0" borderId="11" xfId="0" applyFont="1" applyFill="1" applyBorder="1" applyAlignment="1">
      <alignment vertical="center"/>
    </xf>
    <xf numFmtId="0" fontId="19" fillId="0" borderId="23" xfId="0" applyFont="1" applyFill="1" applyBorder="1" applyAlignment="1">
      <alignment horizontal="right" vertical="center"/>
    </xf>
    <xf numFmtId="0" fontId="19" fillId="0" borderId="0" xfId="0" applyFont="1" applyFill="1" applyAlignment="1">
      <alignment horizontal="right" vertical="center"/>
    </xf>
    <xf numFmtId="0" fontId="34" fillId="0" borderId="0" xfId="0" applyFont="1" applyFill="1" applyAlignment="1">
      <alignment vertical="top" wrapText="1"/>
    </xf>
    <xf numFmtId="0" fontId="19" fillId="0" borderId="7" xfId="0" applyFont="1" applyFill="1" applyBorder="1" applyAlignment="1">
      <alignment vertical="top" wrapText="1"/>
    </xf>
    <xf numFmtId="0" fontId="19" fillId="0" borderId="0" xfId="0" applyFont="1" applyFill="1" applyAlignment="1">
      <alignment vertical="top" wrapText="1"/>
    </xf>
    <xf numFmtId="0" fontId="0" fillId="0" borderId="0" xfId="2" applyFont="1" applyFill="1" applyBorder="1" applyAlignment="1">
      <alignment vertical="center" wrapText="1"/>
    </xf>
    <xf numFmtId="0" fontId="15" fillId="0" borderId="0" xfId="0" applyFont="1" applyFill="1" applyAlignment="1">
      <alignment vertical="center" wrapText="1"/>
    </xf>
    <xf numFmtId="0" fontId="34" fillId="0" borderId="0" xfId="0" applyFont="1" applyFill="1" applyAlignment="1">
      <alignment vertical="center" wrapText="1"/>
    </xf>
    <xf numFmtId="0" fontId="18" fillId="0" borderId="0" xfId="0" applyFont="1" applyFill="1" applyAlignment="1"/>
    <xf numFmtId="0" fontId="33" fillId="0" borderId="7" xfId="0" applyFont="1" applyFill="1" applyBorder="1" applyAlignment="1">
      <alignment vertical="center"/>
    </xf>
    <xf numFmtId="0" fontId="33" fillId="0" borderId="8" xfId="0" applyFont="1" applyFill="1" applyBorder="1" applyAlignment="1">
      <alignment vertical="center"/>
    </xf>
    <xf numFmtId="0" fontId="18" fillId="0" borderId="40" xfId="0" applyFont="1" applyFill="1" applyBorder="1" applyAlignment="1">
      <alignment vertical="center" wrapText="1"/>
    </xf>
    <xf numFmtId="0" fontId="18" fillId="0" borderId="46" xfId="0" applyFont="1" applyFill="1" applyBorder="1" applyAlignment="1">
      <alignment vertical="center" wrapText="1"/>
    </xf>
    <xf numFmtId="0" fontId="20" fillId="2" borderId="1" xfId="0" applyFont="1" applyFill="1" applyBorder="1" applyAlignment="1">
      <alignment horizontal="center" vertical="center" wrapText="1"/>
    </xf>
    <xf numFmtId="0" fontId="18" fillId="2" borderId="2" xfId="0" applyFont="1" applyFill="1" applyBorder="1"/>
    <xf numFmtId="0" fontId="18" fillId="2" borderId="3" xfId="0" applyFont="1" applyFill="1" applyBorder="1"/>
    <xf numFmtId="0" fontId="18" fillId="2" borderId="4" xfId="0" applyFont="1" applyFill="1" applyBorder="1"/>
    <xf numFmtId="0" fontId="18" fillId="2" borderId="0" xfId="0" applyFont="1" applyFill="1" applyBorder="1"/>
    <xf numFmtId="0" fontId="18" fillId="2" borderId="5" xfId="0" applyFont="1" applyFill="1" applyBorder="1"/>
    <xf numFmtId="0" fontId="21"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23" fillId="2" borderId="0" xfId="0" applyFont="1" applyFill="1" applyBorder="1" applyAlignment="1">
      <alignment horizontal="center" vertical="center"/>
    </xf>
    <xf numFmtId="0" fontId="25" fillId="2" borderId="6" xfId="0" applyFont="1" applyFill="1" applyBorder="1" applyAlignment="1">
      <alignment horizontal="center" vertical="center"/>
    </xf>
    <xf numFmtId="0" fontId="25" fillId="2" borderId="7" xfId="0" applyFont="1" applyFill="1" applyBorder="1" applyAlignment="1">
      <alignment horizontal="center" vertical="center"/>
    </xf>
    <xf numFmtId="0" fontId="25" fillId="2" borderId="8" xfId="0" applyFont="1" applyFill="1" applyBorder="1" applyAlignment="1">
      <alignment horizontal="center" vertical="center"/>
    </xf>
    <xf numFmtId="0" fontId="25" fillId="2" borderId="9" xfId="0" applyFont="1" applyFill="1" applyBorder="1" applyAlignment="1">
      <alignment horizontal="center" vertical="center"/>
    </xf>
    <xf numFmtId="0" fontId="25" fillId="2" borderId="10" xfId="0" applyFont="1" applyFill="1" applyBorder="1" applyAlignment="1">
      <alignment horizontal="center" vertical="center"/>
    </xf>
    <xf numFmtId="0" fontId="25" fillId="2" borderId="11" xfId="0" applyFont="1" applyFill="1" applyBorder="1" applyAlignment="1">
      <alignment horizontal="center" vertical="center"/>
    </xf>
    <xf numFmtId="0" fontId="32" fillId="0" borderId="0" xfId="0" applyFont="1" applyFill="1" applyBorder="1" applyAlignment="1">
      <alignment vertical="center"/>
    </xf>
    <xf numFmtId="0" fontId="31" fillId="0" borderId="18" xfId="0" applyFont="1" applyFill="1" applyBorder="1" applyAlignment="1">
      <alignment horizontal="center" vertical="center"/>
    </xf>
    <xf numFmtId="0" fontId="31" fillId="0" borderId="0" xfId="0" applyFont="1" applyFill="1" applyBorder="1" applyAlignment="1">
      <alignment horizontal="center" vertical="center"/>
    </xf>
    <xf numFmtId="0" fontId="27" fillId="0" borderId="0" xfId="0" applyFont="1" applyFill="1" applyBorder="1" applyAlignment="1">
      <alignment vertical="center"/>
    </xf>
    <xf numFmtId="0" fontId="39" fillId="0" borderId="0" xfId="0" applyFont="1" applyFill="1" applyBorder="1" applyAlignment="1">
      <alignment vertical="center"/>
    </xf>
    <xf numFmtId="0" fontId="39" fillId="0" borderId="0" xfId="0" applyFont="1" applyFill="1" applyBorder="1" applyAlignment="1">
      <alignment vertical="center" wrapText="1"/>
    </xf>
    <xf numFmtId="0" fontId="32" fillId="0" borderId="0" xfId="0" applyFont="1" applyFill="1" applyBorder="1" applyAlignment="1">
      <alignment horizontal="left" vertical="center" wrapText="1"/>
    </xf>
    <xf numFmtId="0" fontId="39" fillId="0" borderId="0" xfId="0" applyFont="1" applyFill="1" applyBorder="1" applyAlignment="1">
      <alignment horizontal="left" vertical="center"/>
    </xf>
    <xf numFmtId="0" fontId="39" fillId="0" borderId="19" xfId="0" applyFont="1" applyFill="1" applyBorder="1" applyAlignment="1">
      <alignment horizontal="left" vertical="center"/>
    </xf>
    <xf numFmtId="0" fontId="40" fillId="0" borderId="0" xfId="0" applyFont="1" applyFill="1" applyBorder="1" applyAlignment="1">
      <alignment horizontal="left" vertical="center"/>
    </xf>
    <xf numFmtId="0" fontId="40" fillId="0" borderId="19" xfId="0" applyFont="1" applyFill="1" applyBorder="1" applyAlignment="1">
      <alignment horizontal="left" vertical="center"/>
    </xf>
    <xf numFmtId="0" fontId="27" fillId="0" borderId="18" xfId="0" applyFont="1" applyFill="1" applyBorder="1" applyAlignment="1">
      <alignment vertical="center"/>
    </xf>
    <xf numFmtId="0" fontId="28" fillId="0" borderId="0" xfId="0" applyFont="1" applyFill="1" applyBorder="1" applyAlignment="1">
      <alignment vertical="center"/>
    </xf>
    <xf numFmtId="0" fontId="28" fillId="0" borderId="18" xfId="0" applyFont="1" applyFill="1" applyBorder="1" applyAlignment="1">
      <alignment vertical="center"/>
    </xf>
    <xf numFmtId="0" fontId="32" fillId="0" borderId="0" xfId="2" applyFont="1" applyFill="1" applyBorder="1" applyAlignment="1">
      <alignment vertical="center" wrapText="1"/>
    </xf>
    <xf numFmtId="0" fontId="33" fillId="0" borderId="24" xfId="0" applyFont="1" applyFill="1" applyBorder="1" applyAlignment="1">
      <alignment horizontal="center" vertical="center"/>
    </xf>
    <xf numFmtId="0" fontId="33" fillId="0" borderId="25" xfId="0" applyFont="1" applyFill="1" applyBorder="1" applyAlignment="1">
      <alignment horizontal="center" vertical="center"/>
    </xf>
    <xf numFmtId="0" fontId="18" fillId="0" borderId="7" xfId="0" applyFont="1" applyFill="1" applyBorder="1" applyAlignment="1">
      <alignment vertical="top" wrapText="1"/>
    </xf>
    <xf numFmtId="0" fontId="18" fillId="0" borderId="38" xfId="0" applyFont="1" applyFill="1" applyBorder="1" applyAlignment="1">
      <alignment vertical="center"/>
    </xf>
    <xf numFmtId="0" fontId="18" fillId="0" borderId="39" xfId="0" applyFont="1" applyFill="1" applyBorder="1" applyAlignment="1">
      <alignment vertical="center"/>
    </xf>
    <xf numFmtId="0" fontId="18" fillId="0" borderId="40" xfId="0" applyFont="1" applyFill="1" applyBorder="1" applyAlignment="1">
      <alignment vertical="center"/>
    </xf>
    <xf numFmtId="0" fontId="18" fillId="0" borderId="45" xfId="0" applyFont="1" applyFill="1" applyBorder="1" applyAlignment="1">
      <alignment vertical="center"/>
    </xf>
    <xf numFmtId="0" fontId="18" fillId="0" borderId="46" xfId="0" applyFont="1" applyFill="1" applyBorder="1" applyAlignment="1">
      <alignment vertical="center"/>
    </xf>
    <xf numFmtId="0" fontId="18" fillId="0" borderId="54" xfId="0" applyFont="1" applyFill="1" applyBorder="1" applyAlignment="1">
      <alignment horizontal="left" vertical="center" wrapText="1"/>
    </xf>
    <xf numFmtId="0" fontId="18" fillId="0" borderId="55" xfId="0" applyFont="1" applyFill="1" applyBorder="1" applyAlignment="1">
      <alignment horizontal="left" vertical="center" wrapText="1"/>
    </xf>
    <xf numFmtId="0" fontId="18" fillId="0" borderId="42" xfId="0" applyFont="1" applyFill="1" applyBorder="1" applyAlignment="1">
      <alignment vertical="center"/>
    </xf>
    <xf numFmtId="0" fontId="18" fillId="0" borderId="43" xfId="0" applyFont="1" applyFill="1" applyBorder="1" applyAlignment="1">
      <alignment vertical="center"/>
    </xf>
    <xf numFmtId="0" fontId="18" fillId="0" borderId="44" xfId="0" applyFont="1" applyFill="1" applyBorder="1" applyAlignment="1">
      <alignment vertical="center"/>
    </xf>
    <xf numFmtId="0" fontId="18" fillId="0" borderId="45" xfId="0" applyFont="1" applyFill="1" applyBorder="1" applyAlignment="1">
      <alignment horizontal="center" vertical="center"/>
    </xf>
    <xf numFmtId="0" fontId="18" fillId="0" borderId="38" xfId="0" applyFont="1" applyFill="1" applyBorder="1" applyAlignment="1">
      <alignment horizontal="right" vertical="center"/>
    </xf>
    <xf numFmtId="0" fontId="18" fillId="0" borderId="39" xfId="0" applyFont="1" applyFill="1" applyBorder="1" applyAlignment="1">
      <alignment horizontal="right" vertical="center"/>
    </xf>
    <xf numFmtId="0" fontId="18" fillId="0" borderId="42" xfId="0" applyFont="1" applyFill="1" applyBorder="1" applyAlignment="1">
      <alignment horizontal="right" vertical="center"/>
    </xf>
    <xf numFmtId="0" fontId="18" fillId="0" borderId="43" xfId="0" applyFont="1" applyFill="1" applyBorder="1" applyAlignment="1">
      <alignment horizontal="right" vertical="center"/>
    </xf>
    <xf numFmtId="0" fontId="22" fillId="0" borderId="10" xfId="0" applyFont="1" applyFill="1" applyBorder="1" applyAlignment="1">
      <alignment vertical="center" wrapText="1"/>
    </xf>
    <xf numFmtId="0" fontId="18" fillId="0" borderId="52" xfId="0" applyFont="1" applyFill="1" applyBorder="1" applyAlignment="1">
      <alignment horizontal="center" vertical="center"/>
    </xf>
    <xf numFmtId="0" fontId="18" fillId="0" borderId="38" xfId="0" applyFont="1" applyFill="1" applyBorder="1" applyAlignment="1">
      <alignment horizontal="center" vertical="center"/>
    </xf>
    <xf numFmtId="0" fontId="18" fillId="0" borderId="39" xfId="0" applyFont="1" applyFill="1" applyBorder="1" applyAlignment="1">
      <alignment horizontal="center" vertical="center"/>
    </xf>
    <xf numFmtId="0" fontId="18" fillId="0" borderId="40" xfId="0" applyFont="1" applyFill="1" applyBorder="1" applyAlignment="1">
      <alignment horizontal="center" vertical="center"/>
    </xf>
    <xf numFmtId="0" fontId="18" fillId="0" borderId="42" xfId="0" applyFont="1" applyFill="1" applyBorder="1" applyAlignment="1">
      <alignment horizontal="center" vertical="center"/>
    </xf>
    <xf numFmtId="0" fontId="18" fillId="0" borderId="43" xfId="0" applyFont="1" applyFill="1" applyBorder="1" applyAlignment="1">
      <alignment horizontal="center" vertical="center"/>
    </xf>
    <xf numFmtId="0" fontId="18" fillId="0" borderId="44" xfId="0" applyFont="1" applyFill="1" applyBorder="1" applyAlignment="1">
      <alignment horizontal="center" vertical="center"/>
    </xf>
    <xf numFmtId="0" fontId="18" fillId="0" borderId="56"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18" fillId="0" borderId="26" xfId="0" applyFont="1" applyFill="1" applyBorder="1" applyAlignment="1">
      <alignment vertical="center" wrapText="1"/>
    </xf>
    <xf numFmtId="0" fontId="38" fillId="0" borderId="38" xfId="0" applyFont="1" applyFill="1" applyBorder="1" applyAlignment="1">
      <alignment horizontal="left" vertical="center" wrapText="1"/>
    </xf>
    <xf numFmtId="0" fontId="38" fillId="0" borderId="39" xfId="0" applyFont="1" applyFill="1" applyBorder="1" applyAlignment="1">
      <alignment horizontal="left" vertical="center" wrapText="1"/>
    </xf>
    <xf numFmtId="0" fontId="38" fillId="0" borderId="40" xfId="0" applyFont="1" applyFill="1" applyBorder="1" applyAlignment="1">
      <alignment horizontal="left" vertical="center" wrapText="1"/>
    </xf>
    <xf numFmtId="0" fontId="38" fillId="0" borderId="45" xfId="0" applyFont="1" applyFill="1" applyBorder="1" applyAlignment="1">
      <alignment horizontal="left" vertical="center" wrapText="1"/>
    </xf>
    <xf numFmtId="0" fontId="38" fillId="0" borderId="0" xfId="0" applyFont="1" applyFill="1" applyBorder="1" applyAlignment="1">
      <alignment horizontal="left" vertical="center" wrapText="1"/>
    </xf>
    <xf numFmtId="0" fontId="38" fillId="0" borderId="46" xfId="0" applyFont="1" applyFill="1" applyBorder="1" applyAlignment="1">
      <alignment horizontal="left" vertical="center" wrapText="1"/>
    </xf>
    <xf numFmtId="0" fontId="38" fillId="0" borderId="42" xfId="0" applyFont="1" applyFill="1" applyBorder="1" applyAlignment="1">
      <alignment horizontal="left" vertical="center" wrapText="1"/>
    </xf>
    <xf numFmtId="0" fontId="38" fillId="0" borderId="43" xfId="0" applyFont="1" applyFill="1" applyBorder="1" applyAlignment="1">
      <alignment horizontal="left" vertical="center" wrapText="1"/>
    </xf>
    <xf numFmtId="0" fontId="38" fillId="0" borderId="44" xfId="0" applyFont="1" applyFill="1" applyBorder="1" applyAlignment="1">
      <alignment horizontal="left" vertical="center" wrapText="1"/>
    </xf>
    <xf numFmtId="0" fontId="22" fillId="0" borderId="43" xfId="0" applyFont="1" applyFill="1" applyBorder="1" applyAlignment="1">
      <alignment horizontal="left" vertical="center" wrapText="1"/>
    </xf>
    <xf numFmtId="0" fontId="18" fillId="0" borderId="49" xfId="0" applyFont="1" applyFill="1" applyBorder="1" applyAlignment="1">
      <alignment horizontal="center" vertical="center" wrapText="1"/>
    </xf>
    <xf numFmtId="0" fontId="18" fillId="0" borderId="38" xfId="0" applyFont="1" applyFill="1" applyBorder="1" applyAlignment="1">
      <alignment horizontal="left" vertical="center"/>
    </xf>
    <xf numFmtId="0" fontId="18" fillId="0" borderId="40" xfId="0" applyFont="1" applyFill="1" applyBorder="1" applyAlignment="1">
      <alignment horizontal="left" vertical="center"/>
    </xf>
    <xf numFmtId="0" fontId="18" fillId="0" borderId="42" xfId="0" applyFont="1" applyFill="1" applyBorder="1" applyAlignment="1">
      <alignment horizontal="left" vertical="center"/>
    </xf>
    <xf numFmtId="0" fontId="18" fillId="0" borderId="44" xfId="0" applyFont="1" applyFill="1" applyBorder="1" applyAlignment="1">
      <alignment horizontal="left" vertical="center"/>
    </xf>
    <xf numFmtId="0" fontId="18" fillId="0" borderId="45" xfId="0" applyFont="1" applyFill="1" applyBorder="1" applyAlignment="1">
      <alignment horizontal="left" vertical="center"/>
    </xf>
    <xf numFmtId="0" fontId="18" fillId="0" borderId="0" xfId="0" applyFont="1" applyFill="1" applyBorder="1" applyAlignment="1">
      <alignment horizontal="left" vertical="center"/>
    </xf>
    <xf numFmtId="0" fontId="38" fillId="0" borderId="38" xfId="0" applyFont="1" applyFill="1" applyBorder="1" applyAlignment="1">
      <alignment horizontal="left" vertical="center"/>
    </xf>
    <xf numFmtId="0" fontId="38" fillId="0" borderId="39" xfId="0" applyFont="1" applyFill="1" applyBorder="1" applyAlignment="1">
      <alignment horizontal="left" vertical="center"/>
    </xf>
    <xf numFmtId="0" fontId="38" fillId="0" borderId="40" xfId="0" applyFont="1" applyFill="1" applyBorder="1" applyAlignment="1">
      <alignment horizontal="left" vertical="center"/>
    </xf>
    <xf numFmtId="0" fontId="38" fillId="0" borderId="42" xfId="0" applyFont="1" applyFill="1" applyBorder="1" applyAlignment="1">
      <alignment horizontal="left" vertical="center"/>
    </xf>
    <xf numFmtId="0" fontId="38" fillId="0" borderId="43" xfId="0" applyFont="1" applyFill="1" applyBorder="1" applyAlignment="1">
      <alignment horizontal="left" vertical="center"/>
    </xf>
    <xf numFmtId="0" fontId="38" fillId="0" borderId="44" xfId="0" applyFont="1" applyFill="1" applyBorder="1" applyAlignment="1">
      <alignment horizontal="left" vertical="center"/>
    </xf>
    <xf numFmtId="0" fontId="18" fillId="0" borderId="40" xfId="0" applyFont="1" applyFill="1" applyBorder="1" applyAlignment="1">
      <alignment horizontal="right" vertical="center"/>
    </xf>
    <xf numFmtId="0" fontId="18" fillId="0" borderId="44" xfId="0" applyFont="1" applyFill="1" applyBorder="1" applyAlignment="1">
      <alignment horizontal="right" vertical="center"/>
    </xf>
    <xf numFmtId="0" fontId="18" fillId="0" borderId="0" xfId="0" applyFont="1" applyFill="1" applyAlignment="1">
      <alignment vertical="center"/>
    </xf>
    <xf numFmtId="0" fontId="18" fillId="0" borderId="31" xfId="0" applyFont="1" applyFill="1" applyBorder="1" applyAlignment="1">
      <alignment horizontal="center" vertical="center"/>
    </xf>
    <xf numFmtId="0" fontId="18" fillId="0" borderId="32" xfId="0" applyFont="1" applyFill="1" applyBorder="1" applyAlignment="1">
      <alignment horizontal="center" vertical="center"/>
    </xf>
    <xf numFmtId="0" fontId="18" fillId="0" borderId="59" xfId="0" applyFont="1" applyFill="1" applyBorder="1" applyAlignment="1">
      <alignment horizontal="center" vertical="center"/>
    </xf>
    <xf numFmtId="0" fontId="18" fillId="0" borderId="33" xfId="0" applyFont="1" applyFill="1" applyBorder="1" applyAlignment="1">
      <alignment horizontal="center" vertical="center"/>
    </xf>
    <xf numFmtId="0" fontId="18" fillId="0" borderId="34" xfId="0" applyFont="1" applyFill="1" applyBorder="1" applyAlignment="1">
      <alignment horizontal="center" vertical="center"/>
    </xf>
    <xf numFmtId="0" fontId="18" fillId="0" borderId="35" xfId="0" applyFont="1" applyFill="1" applyBorder="1" applyAlignment="1">
      <alignment horizontal="center" vertical="center"/>
    </xf>
    <xf numFmtId="0" fontId="38" fillId="0" borderId="7" xfId="0" applyFont="1" applyFill="1" applyBorder="1" applyAlignment="1">
      <alignment horizontal="left" vertical="top" wrapText="1"/>
    </xf>
    <xf numFmtId="0" fontId="38" fillId="0" borderId="0" xfId="0" applyFont="1" applyFill="1" applyBorder="1" applyAlignment="1">
      <alignment horizontal="left" vertical="top" wrapText="1"/>
    </xf>
    <xf numFmtId="0" fontId="18" fillId="0" borderId="8" xfId="0" applyFont="1" applyFill="1" applyBorder="1" applyAlignment="1">
      <alignment horizontal="left" vertical="center" wrapText="1"/>
    </xf>
    <xf numFmtId="0" fontId="18" fillId="0" borderId="26" xfId="0" applyFont="1" applyFill="1" applyBorder="1" applyAlignment="1">
      <alignment horizontal="left" vertical="center" wrapText="1"/>
    </xf>
    <xf numFmtId="0" fontId="18" fillId="0" borderId="49" xfId="0" applyFont="1" applyFill="1" applyBorder="1" applyAlignment="1">
      <alignment vertical="center" wrapText="1"/>
    </xf>
    <xf numFmtId="0" fontId="18" fillId="0" borderId="49" xfId="0" applyFont="1" applyBorder="1" applyAlignment="1">
      <alignment vertical="center" wrapText="1"/>
    </xf>
    <xf numFmtId="0" fontId="18" fillId="0" borderId="49" xfId="0" applyFont="1" applyBorder="1" applyAlignment="1"/>
    <xf numFmtId="0" fontId="18" fillId="0" borderId="59" xfId="0" applyFont="1" applyFill="1" applyBorder="1" applyAlignment="1">
      <alignment vertical="center"/>
    </xf>
    <xf numFmtId="0" fontId="18" fillId="0" borderId="33" xfId="0" applyFont="1" applyFill="1" applyBorder="1" applyAlignment="1">
      <alignment vertical="center"/>
    </xf>
    <xf numFmtId="0" fontId="18" fillId="0" borderId="56" xfId="0" applyFont="1" applyFill="1" applyBorder="1" applyAlignment="1">
      <alignment vertical="center" wrapText="1"/>
    </xf>
    <xf numFmtId="0" fontId="18" fillId="0" borderId="57" xfId="0" applyFont="1" applyFill="1" applyBorder="1" applyAlignment="1">
      <alignment vertical="center" wrapText="1"/>
    </xf>
    <xf numFmtId="0" fontId="18" fillId="0" borderId="58" xfId="0" applyFont="1" applyFill="1" applyBorder="1" applyAlignment="1">
      <alignment vertical="center" wrapText="1"/>
    </xf>
    <xf numFmtId="0" fontId="19" fillId="0" borderId="0" xfId="0" applyFont="1" applyFill="1" applyBorder="1" applyAlignment="1">
      <alignment vertical="center" wrapText="1"/>
    </xf>
    <xf numFmtId="0" fontId="18" fillId="0" borderId="8" xfId="0" applyFont="1" applyFill="1" applyBorder="1" applyAlignment="1">
      <alignment vertical="center" wrapText="1"/>
    </xf>
    <xf numFmtId="0" fontId="0" fillId="0" borderId="7" xfId="0" applyFont="1" applyFill="1" applyBorder="1" applyAlignment="1">
      <alignment horizontal="left" vertical="top" wrapText="1"/>
    </xf>
    <xf numFmtId="0" fontId="0" fillId="0" borderId="6" xfId="2" applyFont="1" applyFill="1" applyBorder="1" applyAlignment="1">
      <alignment horizontal="center" vertical="center"/>
    </xf>
    <xf numFmtId="0" fontId="0" fillId="0" borderId="7" xfId="2" applyFont="1" applyFill="1" applyBorder="1" applyAlignment="1">
      <alignment horizontal="center" vertical="center"/>
    </xf>
    <xf numFmtId="0" fontId="0" fillId="0" borderId="9" xfId="2" applyFont="1" applyFill="1" applyBorder="1" applyAlignment="1">
      <alignment horizontal="center" vertical="center"/>
    </xf>
    <xf numFmtId="0" fontId="0" fillId="0" borderId="10" xfId="2" applyFont="1" applyFill="1" applyBorder="1" applyAlignment="1">
      <alignment horizontal="center" vertical="center"/>
    </xf>
    <xf numFmtId="0" fontId="0" fillId="0" borderId="6" xfId="2" applyFont="1" applyFill="1" applyBorder="1" applyAlignment="1">
      <alignment vertical="center" wrapText="1"/>
    </xf>
    <xf numFmtId="0" fontId="0" fillId="0" borderId="7" xfId="2" applyFont="1" applyFill="1" applyBorder="1" applyAlignment="1">
      <alignment vertical="center" wrapText="1"/>
    </xf>
    <xf numFmtId="0" fontId="0" fillId="0" borderId="30" xfId="2" applyFont="1" applyFill="1" applyBorder="1" applyAlignment="1">
      <alignment vertical="center" wrapText="1"/>
    </xf>
    <xf numFmtId="0" fontId="0" fillId="0" borderId="9" xfId="2" applyFont="1" applyFill="1" applyBorder="1" applyAlignment="1">
      <alignment vertical="center" wrapText="1"/>
    </xf>
    <xf numFmtId="0" fontId="0" fillId="0" borderId="10" xfId="2" applyFont="1" applyFill="1" applyBorder="1" applyAlignment="1">
      <alignment vertical="center" wrapText="1"/>
    </xf>
    <xf numFmtId="0" fontId="0" fillId="0" borderId="37" xfId="2" applyFont="1" applyFill="1" applyBorder="1" applyAlignment="1">
      <alignment vertical="center" wrapText="1"/>
    </xf>
    <xf numFmtId="0" fontId="18" fillId="0" borderId="45" xfId="2" applyFont="1" applyFill="1" applyBorder="1" applyAlignment="1">
      <alignment vertical="center" wrapText="1"/>
    </xf>
    <xf numFmtId="0" fontId="18" fillId="0" borderId="0" xfId="2" applyFont="1" applyFill="1" applyBorder="1" applyAlignment="1">
      <alignment vertical="center" wrapText="1"/>
    </xf>
    <xf numFmtId="0" fontId="18" fillId="0" borderId="33" xfId="2" applyFont="1" applyFill="1" applyBorder="1" applyAlignment="1">
      <alignment vertical="center" wrapText="1"/>
    </xf>
    <xf numFmtId="0" fontId="0" fillId="0" borderId="64" xfId="0" applyFont="1" applyFill="1" applyBorder="1" applyAlignment="1">
      <alignment vertical="center" wrapText="1"/>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7" fillId="0" borderId="6" xfId="0" applyFont="1" applyFill="1" applyBorder="1" applyAlignment="1">
      <alignment vertical="center" wrapText="1"/>
    </xf>
    <xf numFmtId="0" fontId="7" fillId="0" borderId="7" xfId="0" applyFont="1" applyFill="1" applyBorder="1" applyAlignment="1">
      <alignment vertical="center" wrapText="1"/>
    </xf>
    <xf numFmtId="0" fontId="7" fillId="0" borderId="30" xfId="0" applyFont="1" applyFill="1" applyBorder="1" applyAlignment="1">
      <alignment vertical="center" wrapText="1"/>
    </xf>
    <xf numFmtId="0" fontId="7" fillId="0" borderId="9" xfId="0" applyFont="1" applyFill="1" applyBorder="1" applyAlignment="1">
      <alignment vertical="center" wrapText="1"/>
    </xf>
    <xf numFmtId="0" fontId="7" fillId="0" borderId="10" xfId="0" applyFont="1" applyFill="1" applyBorder="1" applyAlignment="1">
      <alignment vertical="center" wrapText="1"/>
    </xf>
    <xf numFmtId="0" fontId="7" fillId="0" borderId="37" xfId="0" applyFont="1" applyFill="1" applyBorder="1" applyAlignment="1">
      <alignment vertical="center" wrapText="1"/>
    </xf>
    <xf numFmtId="0" fontId="5" fillId="0" borderId="39" xfId="0" applyFont="1" applyFill="1" applyBorder="1" applyAlignment="1">
      <alignment vertical="center" wrapText="1"/>
    </xf>
    <xf numFmtId="0" fontId="5" fillId="0" borderId="0" xfId="0" applyFont="1" applyFill="1" applyBorder="1" applyAlignment="1">
      <alignment vertical="center" wrapText="1"/>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59"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51" xfId="0" applyFont="1" applyFill="1" applyBorder="1" applyAlignment="1">
      <alignment vertical="center" wrapText="1"/>
    </xf>
    <xf numFmtId="0" fontId="0" fillId="0" borderId="52" xfId="0" applyFont="1" applyFill="1" applyBorder="1" applyAlignment="1">
      <alignment vertical="center" wrapText="1"/>
    </xf>
    <xf numFmtId="0" fontId="0" fillId="0" borderId="70" xfId="0" applyFont="1" applyFill="1" applyBorder="1" applyAlignment="1">
      <alignment vertical="center" wrapText="1"/>
    </xf>
    <xf numFmtId="0" fontId="0" fillId="0" borderId="71" xfId="0" applyFont="1" applyFill="1" applyBorder="1" applyAlignment="1">
      <alignment vertical="center" wrapText="1"/>
    </xf>
    <xf numFmtId="0" fontId="8" fillId="0" borderId="7" xfId="0" applyFont="1" applyFill="1" applyBorder="1" applyAlignment="1">
      <alignment vertical="center" wrapText="1"/>
    </xf>
    <xf numFmtId="0" fontId="8" fillId="0" borderId="0" xfId="0" applyFont="1" applyFill="1" applyBorder="1" applyAlignment="1">
      <alignment vertical="center" wrapText="1"/>
    </xf>
    <xf numFmtId="0" fontId="18" fillId="0" borderId="0" xfId="0" applyFont="1" applyFill="1" applyAlignment="1">
      <alignment horizontal="left" vertical="center" wrapText="1"/>
    </xf>
    <xf numFmtId="0" fontId="18" fillId="0" borderId="31" xfId="2" applyFont="1" applyFill="1" applyBorder="1" applyAlignment="1">
      <alignment horizontal="center" vertical="center"/>
    </xf>
    <xf numFmtId="0" fontId="18" fillId="0" borderId="32" xfId="2" applyFont="1" applyFill="1" applyBorder="1" applyAlignment="1">
      <alignment horizontal="center" vertical="center"/>
    </xf>
    <xf numFmtId="0" fontId="18" fillId="0" borderId="59" xfId="2" applyFont="1" applyFill="1" applyBorder="1" applyAlignment="1">
      <alignment horizontal="center" vertical="center"/>
    </xf>
    <xf numFmtId="0" fontId="18" fillId="0" borderId="33" xfId="2" applyFont="1" applyFill="1" applyBorder="1" applyAlignment="1">
      <alignment horizontal="center" vertical="center"/>
    </xf>
    <xf numFmtId="0" fontId="18" fillId="0" borderId="0" xfId="0" applyFont="1" applyFill="1" applyBorder="1" applyAlignment="1">
      <alignment vertical="top" wrapText="1"/>
    </xf>
    <xf numFmtId="0" fontId="10" fillId="0" borderId="38" xfId="0" applyFont="1" applyFill="1" applyBorder="1" applyAlignment="1">
      <alignment horizontal="left" vertical="top" wrapText="1"/>
    </xf>
    <xf numFmtId="0" fontId="10" fillId="0" borderId="39" xfId="0" applyFont="1" applyFill="1" applyBorder="1" applyAlignment="1">
      <alignment horizontal="left" vertical="top" wrapText="1"/>
    </xf>
    <xf numFmtId="0" fontId="10" fillId="0" borderId="40" xfId="0" applyFont="1" applyFill="1" applyBorder="1" applyAlignment="1">
      <alignment horizontal="left" vertical="top" wrapText="1"/>
    </xf>
    <xf numFmtId="0" fontId="10" fillId="0" borderId="45" xfId="0" applyFont="1" applyFill="1" applyBorder="1" applyAlignment="1">
      <alignment horizontal="left" vertical="top" wrapText="1"/>
    </xf>
    <xf numFmtId="0" fontId="10" fillId="0" borderId="0" xfId="0" applyFont="1" applyFill="1" applyBorder="1" applyAlignment="1">
      <alignment horizontal="left" vertical="top" wrapText="1"/>
    </xf>
    <xf numFmtId="0" fontId="10" fillId="0" borderId="46" xfId="0" applyFont="1" applyFill="1" applyBorder="1" applyAlignment="1">
      <alignment horizontal="left" vertical="top" wrapText="1"/>
    </xf>
    <xf numFmtId="0" fontId="10" fillId="0" borderId="42" xfId="0" applyFont="1" applyFill="1" applyBorder="1" applyAlignment="1">
      <alignment horizontal="left" vertical="top" wrapText="1"/>
    </xf>
    <xf numFmtId="0" fontId="10" fillId="0" borderId="43" xfId="0" applyFont="1" applyFill="1" applyBorder="1" applyAlignment="1">
      <alignment horizontal="left" vertical="top" wrapText="1"/>
    </xf>
    <xf numFmtId="0" fontId="10" fillId="0" borderId="44" xfId="0" applyFont="1" applyFill="1" applyBorder="1" applyAlignment="1">
      <alignment horizontal="left" vertical="top" wrapText="1"/>
    </xf>
    <xf numFmtId="0" fontId="7" fillId="0" borderId="6" xfId="0" applyFont="1" applyFill="1" applyBorder="1" applyAlignment="1">
      <alignment horizontal="left" vertical="center" wrapText="1"/>
    </xf>
    <xf numFmtId="0" fontId="7" fillId="0" borderId="7" xfId="0" applyFont="1" applyFill="1" applyBorder="1" applyAlignment="1">
      <alignment horizontal="left" vertical="center" wrapText="1"/>
    </xf>
    <xf numFmtId="0" fontId="7" fillId="0" borderId="9" xfId="0" applyFont="1" applyFill="1" applyBorder="1" applyAlignment="1">
      <alignment horizontal="left" vertical="center" wrapText="1"/>
    </xf>
    <xf numFmtId="0" fontId="7" fillId="0" borderId="10" xfId="0" applyFont="1" applyFill="1" applyBorder="1" applyAlignment="1">
      <alignment horizontal="left" vertical="center" wrapText="1"/>
    </xf>
    <xf numFmtId="0" fontId="0" fillId="0" borderId="66" xfId="0" applyFont="1" applyFill="1" applyBorder="1" applyAlignment="1">
      <alignment horizontal="center" vertical="center"/>
    </xf>
    <xf numFmtId="0" fontId="0" fillId="0" borderId="67" xfId="0" applyFont="1" applyFill="1" applyBorder="1" applyAlignment="1">
      <alignment horizontal="center" vertical="center"/>
    </xf>
    <xf numFmtId="0" fontId="0" fillId="0" borderId="68" xfId="0" applyFont="1" applyFill="1" applyBorder="1" applyAlignment="1">
      <alignment horizontal="center" vertical="center"/>
    </xf>
    <xf numFmtId="0" fontId="0" fillId="0" borderId="69" xfId="0" applyFont="1" applyFill="1" applyBorder="1" applyAlignment="1">
      <alignment horizontal="center" vertical="center"/>
    </xf>
    <xf numFmtId="0" fontId="18" fillId="0" borderId="40" xfId="2" applyFont="1" applyFill="1" applyBorder="1" applyAlignment="1">
      <alignment vertical="center" wrapText="1"/>
    </xf>
    <xf numFmtId="0" fontId="18" fillId="0" borderId="0" xfId="2" applyFont="1" applyFill="1" applyAlignment="1">
      <alignment vertical="center" wrapText="1"/>
    </xf>
    <xf numFmtId="0" fontId="18" fillId="0" borderId="46" xfId="2" applyFont="1" applyFill="1" applyBorder="1" applyAlignment="1">
      <alignment vertical="center" wrapText="1"/>
    </xf>
    <xf numFmtId="0" fontId="18" fillId="0" borderId="44" xfId="2" applyFont="1" applyFill="1" applyBorder="1" applyAlignment="1">
      <alignment vertical="center" wrapText="1"/>
    </xf>
    <xf numFmtId="0" fontId="0" fillId="0" borderId="6"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0" fillId="0" borderId="11" xfId="0" applyFont="1" applyFill="1" applyBorder="1" applyAlignment="1">
      <alignment horizontal="center" vertical="center" wrapText="1"/>
    </xf>
    <xf numFmtId="0" fontId="18" fillId="0" borderId="56" xfId="0" applyFont="1" applyFill="1" applyBorder="1" applyAlignment="1">
      <alignment horizontal="center" vertical="center"/>
    </xf>
    <xf numFmtId="0" fontId="18" fillId="0" borderId="65" xfId="0" applyFont="1" applyFill="1" applyBorder="1" applyAlignment="1">
      <alignment horizontal="center" vertical="center"/>
    </xf>
    <xf numFmtId="0" fontId="18" fillId="0" borderId="7" xfId="0" applyFont="1" applyFill="1" applyBorder="1" applyAlignment="1">
      <alignment horizontal="left" vertical="top" wrapText="1"/>
    </xf>
    <xf numFmtId="0" fontId="18" fillId="0" borderId="0" xfId="0" applyFont="1" applyFill="1" applyBorder="1" applyAlignment="1">
      <alignment horizontal="left" vertical="top" wrapText="1"/>
    </xf>
    <xf numFmtId="0" fontId="19" fillId="0" borderId="39"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0" xfId="0" applyFont="1" applyFill="1" applyBorder="1" applyAlignment="1">
      <alignment vertical="top" wrapText="1"/>
    </xf>
    <xf numFmtId="0" fontId="19" fillId="0" borderId="38" xfId="2" applyFont="1" applyFill="1" applyBorder="1" applyAlignment="1">
      <alignment vertical="top" wrapText="1"/>
    </xf>
    <xf numFmtId="0" fontId="19" fillId="0" borderId="39" xfId="2" applyFont="1" applyFill="1" applyBorder="1" applyAlignment="1">
      <alignment vertical="top" wrapText="1"/>
    </xf>
    <xf numFmtId="0" fontId="19" fillId="0" borderId="40" xfId="2" applyFont="1" applyFill="1" applyBorder="1" applyAlignment="1">
      <alignment vertical="top" wrapText="1"/>
    </xf>
    <xf numFmtId="0" fontId="19" fillId="0" borderId="45" xfId="2" applyFont="1" applyFill="1" applyBorder="1" applyAlignment="1">
      <alignment vertical="top" wrapText="1"/>
    </xf>
    <xf numFmtId="0" fontId="19" fillId="0" borderId="0" xfId="2" applyFont="1" applyFill="1" applyBorder="1" applyAlignment="1">
      <alignment vertical="top" wrapText="1"/>
    </xf>
    <xf numFmtId="0" fontId="19" fillId="0" borderId="46" xfId="2" applyFont="1" applyFill="1" applyBorder="1" applyAlignment="1">
      <alignment vertical="top" wrapText="1"/>
    </xf>
    <xf numFmtId="0" fontId="19" fillId="0" borderId="42" xfId="2" applyFont="1" applyFill="1" applyBorder="1" applyAlignment="1">
      <alignment vertical="top" wrapText="1"/>
    </xf>
    <xf numFmtId="0" fontId="19" fillId="0" borderId="43" xfId="2" applyFont="1" applyFill="1" applyBorder="1" applyAlignment="1">
      <alignment vertical="top" wrapText="1"/>
    </xf>
    <xf numFmtId="0" fontId="19" fillId="0" borderId="44" xfId="2" applyFont="1" applyFill="1" applyBorder="1" applyAlignment="1">
      <alignment vertical="top" wrapText="1"/>
    </xf>
    <xf numFmtId="0" fontId="18" fillId="0" borderId="39" xfId="0" applyFont="1" applyFill="1" applyBorder="1" applyAlignment="1">
      <alignment horizontal="left" vertical="center"/>
    </xf>
    <xf numFmtId="0" fontId="18" fillId="0" borderId="54" xfId="0" applyFont="1" applyFill="1" applyBorder="1" applyAlignment="1">
      <alignment horizontal="left" vertical="center"/>
    </xf>
    <xf numFmtId="0" fontId="18" fillId="0" borderId="43" xfId="0" applyFont="1" applyFill="1" applyBorder="1" applyAlignment="1">
      <alignment horizontal="left" vertical="center"/>
    </xf>
    <xf numFmtId="0" fontId="18" fillId="0" borderId="55" xfId="0" applyFont="1" applyFill="1" applyBorder="1" applyAlignment="1">
      <alignment horizontal="left" vertical="center"/>
    </xf>
    <xf numFmtId="0" fontId="4" fillId="0" borderId="0" xfId="5" applyFont="1" applyFill="1" applyBorder="1" applyAlignment="1">
      <alignment vertical="center" wrapText="1"/>
    </xf>
    <xf numFmtId="0" fontId="15" fillId="0" borderId="0" xfId="4" applyFont="1" applyAlignment="1">
      <alignment vertical="center" wrapText="1"/>
    </xf>
    <xf numFmtId="0" fontId="12" fillId="0" borderId="0" xfId="5" applyFont="1" applyFill="1" applyBorder="1" applyAlignment="1">
      <alignment vertical="top" wrapText="1"/>
    </xf>
    <xf numFmtId="0" fontId="12" fillId="0" borderId="0" xfId="5" applyFont="1" applyFill="1" applyAlignment="1">
      <alignment vertical="top" wrapText="1"/>
    </xf>
    <xf numFmtId="0" fontId="17" fillId="0" borderId="0" xfId="1" applyFont="1" applyFill="1" applyBorder="1" applyAlignment="1">
      <alignment horizontal="center" vertical="center" wrapText="1" shrinkToFit="1"/>
    </xf>
    <xf numFmtId="0" fontId="12" fillId="0" borderId="0" xfId="5" applyFont="1" applyFill="1" applyAlignment="1">
      <alignment vertical="center" wrapText="1"/>
    </xf>
  </cellXfs>
  <cellStyles count="6">
    <cellStyle name="ハイパーリンク" xfId="1" builtinId="8"/>
    <cellStyle name="標準" xfId="0" builtinId="0"/>
    <cellStyle name="標準 2" xfId="2"/>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9525</xdr:colOff>
      <xdr:row>374</xdr:row>
      <xdr:rowOff>19050</xdr:rowOff>
    </xdr:from>
    <xdr:to>
      <xdr:col>3</xdr:col>
      <xdr:colOff>9525</xdr:colOff>
      <xdr:row>374</xdr:row>
      <xdr:rowOff>142875</xdr:rowOff>
    </xdr:to>
    <xdr:sp macro="" textlink="">
      <xdr:nvSpPr>
        <xdr:cNvPr id="3" name="AutoShape 7">
          <a:extLst>
            <a:ext uri="{FF2B5EF4-FFF2-40B4-BE49-F238E27FC236}">
              <a16:creationId xmlns:a16="http://schemas.microsoft.com/office/drawing/2014/main" id="{00000000-0008-0000-0000-000003000000}"/>
            </a:ext>
          </a:extLst>
        </xdr:cNvPr>
        <xdr:cNvSpPr>
          <a:spLocks noChangeArrowheads="1"/>
        </xdr:cNvSpPr>
      </xdr:nvSpPr>
      <xdr:spPr bwMode="auto">
        <a:xfrm>
          <a:off x="333375" y="61055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35</xdr:row>
      <xdr:rowOff>19050</xdr:rowOff>
    </xdr:from>
    <xdr:to>
      <xdr:col>3</xdr:col>
      <xdr:colOff>9525</xdr:colOff>
      <xdr:row>535</xdr:row>
      <xdr:rowOff>142875</xdr:rowOff>
    </xdr:to>
    <xdr:sp macro="" textlink="">
      <xdr:nvSpPr>
        <xdr:cNvPr id="4" name="AutoShape 9">
          <a:extLst>
            <a:ext uri="{FF2B5EF4-FFF2-40B4-BE49-F238E27FC236}">
              <a16:creationId xmlns:a16="http://schemas.microsoft.com/office/drawing/2014/main" id="{00000000-0008-0000-0000-000004000000}"/>
            </a:ext>
          </a:extLst>
        </xdr:cNvPr>
        <xdr:cNvSpPr>
          <a:spLocks noChangeArrowheads="1"/>
        </xdr:cNvSpPr>
      </xdr:nvSpPr>
      <xdr:spPr bwMode="auto">
        <a:xfrm>
          <a:off x="333375" y="87458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5</xdr:row>
      <xdr:rowOff>19050</xdr:rowOff>
    </xdr:from>
    <xdr:to>
      <xdr:col>3</xdr:col>
      <xdr:colOff>9525</xdr:colOff>
      <xdr:row>845</xdr:row>
      <xdr:rowOff>142875</xdr:rowOff>
    </xdr:to>
    <xdr:sp macro="" textlink="">
      <xdr:nvSpPr>
        <xdr:cNvPr id="5" name="AutoShape 12">
          <a:extLst>
            <a:ext uri="{FF2B5EF4-FFF2-40B4-BE49-F238E27FC236}">
              <a16:creationId xmlns:a16="http://schemas.microsoft.com/office/drawing/2014/main" id="{00000000-0008-0000-0000-000005000000}"/>
            </a:ext>
          </a:extLst>
        </xdr:cNvPr>
        <xdr:cNvSpPr>
          <a:spLocks noChangeArrowheads="1"/>
        </xdr:cNvSpPr>
      </xdr:nvSpPr>
      <xdr:spPr bwMode="auto">
        <a:xfrm>
          <a:off x="333375" y="138036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5</xdr:row>
      <xdr:rowOff>19050</xdr:rowOff>
    </xdr:from>
    <xdr:to>
      <xdr:col>3</xdr:col>
      <xdr:colOff>9525</xdr:colOff>
      <xdr:row>855</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9579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31</xdr:row>
      <xdr:rowOff>19050</xdr:rowOff>
    </xdr:from>
    <xdr:to>
      <xdr:col>3</xdr:col>
      <xdr:colOff>9525</xdr:colOff>
      <xdr:row>1431</xdr:row>
      <xdr:rowOff>142875</xdr:rowOff>
    </xdr:to>
    <xdr:sp macro="" textlink="">
      <xdr:nvSpPr>
        <xdr:cNvPr id="8" name="AutoShape 17">
          <a:extLst>
            <a:ext uri="{FF2B5EF4-FFF2-40B4-BE49-F238E27FC236}">
              <a16:creationId xmlns:a16="http://schemas.microsoft.com/office/drawing/2014/main" id="{00000000-0008-0000-0000-000008000000}"/>
            </a:ext>
          </a:extLst>
        </xdr:cNvPr>
        <xdr:cNvSpPr>
          <a:spLocks noChangeArrowheads="1"/>
        </xdr:cNvSpPr>
      </xdr:nvSpPr>
      <xdr:spPr bwMode="auto">
        <a:xfrm>
          <a:off x="333375" y="17249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91</xdr:row>
      <xdr:rowOff>19050</xdr:rowOff>
    </xdr:from>
    <xdr:to>
      <xdr:col>3</xdr:col>
      <xdr:colOff>9525</xdr:colOff>
      <xdr:row>1391</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646110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19</xdr:row>
      <xdr:rowOff>19050</xdr:rowOff>
    </xdr:from>
    <xdr:to>
      <xdr:col>3</xdr:col>
      <xdr:colOff>9525</xdr:colOff>
      <xdr:row>1519</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6899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539</xdr:row>
      <xdr:rowOff>19050</xdr:rowOff>
    </xdr:from>
    <xdr:to>
      <xdr:col>3</xdr:col>
      <xdr:colOff>9525</xdr:colOff>
      <xdr:row>1539</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90842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17</xdr:row>
      <xdr:rowOff>0</xdr:rowOff>
    </xdr:from>
    <xdr:to>
      <xdr:col>11</xdr:col>
      <xdr:colOff>0</xdr:colOff>
      <xdr:row>117</xdr:row>
      <xdr:rowOff>123825</xdr:rowOff>
    </xdr:to>
    <xdr:sp macro="" textlink="">
      <xdr:nvSpPr>
        <xdr:cNvPr id="13" name="AutoShape 2">
          <a:extLst>
            <a:ext uri="{FF2B5EF4-FFF2-40B4-BE49-F238E27FC236}">
              <a16:creationId xmlns:a16="http://schemas.microsoft.com/office/drawing/2014/main" id="{00000000-0008-0000-0000-00000D000000}"/>
            </a:ext>
          </a:extLst>
        </xdr:cNvPr>
        <xdr:cNvSpPr>
          <a:spLocks noChangeArrowheads="1"/>
        </xdr:cNvSpPr>
      </xdr:nvSpPr>
      <xdr:spPr bwMode="auto">
        <a:xfrm>
          <a:off x="1619250" y="16287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0</xdr:col>
      <xdr:colOff>0</xdr:colOff>
      <xdr:row>130</xdr:row>
      <xdr:rowOff>0</xdr:rowOff>
    </xdr:from>
    <xdr:to>
      <xdr:col>11</xdr:col>
      <xdr:colOff>0</xdr:colOff>
      <xdr:row>130</xdr:row>
      <xdr:rowOff>123825</xdr:rowOff>
    </xdr:to>
    <xdr:sp macro="" textlink="">
      <xdr:nvSpPr>
        <xdr:cNvPr id="14" name="AutoShape 2">
          <a:extLst>
            <a:ext uri="{FF2B5EF4-FFF2-40B4-BE49-F238E27FC236}">
              <a16:creationId xmlns:a16="http://schemas.microsoft.com/office/drawing/2014/main" id="{00000000-0008-0000-0000-00000E000000}"/>
            </a:ext>
          </a:extLst>
        </xdr:cNvPr>
        <xdr:cNvSpPr>
          <a:spLocks noChangeArrowheads="1"/>
        </xdr:cNvSpPr>
      </xdr:nvSpPr>
      <xdr:spPr bwMode="auto">
        <a:xfrm>
          <a:off x="1619250" y="18173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xdr:row>
      <xdr:rowOff>0</xdr:rowOff>
    </xdr:from>
    <xdr:to>
      <xdr:col>3</xdr:col>
      <xdr:colOff>0</xdr:colOff>
      <xdr:row>142</xdr:row>
      <xdr:rowOff>123825</xdr:rowOff>
    </xdr:to>
    <xdr:sp macro="" textlink="">
      <xdr:nvSpPr>
        <xdr:cNvPr id="15" name="AutoShape 2">
          <a:extLst>
            <a:ext uri="{FF2B5EF4-FFF2-40B4-BE49-F238E27FC236}">
              <a16:creationId xmlns:a16="http://schemas.microsoft.com/office/drawing/2014/main" id="{00000000-0008-0000-0000-00000F000000}"/>
            </a:ext>
          </a:extLst>
        </xdr:cNvPr>
        <xdr:cNvSpPr>
          <a:spLocks noChangeArrowheads="1"/>
        </xdr:cNvSpPr>
      </xdr:nvSpPr>
      <xdr:spPr bwMode="auto">
        <a:xfrm>
          <a:off x="323850" y="19888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5</xdr:row>
      <xdr:rowOff>0</xdr:rowOff>
    </xdr:from>
    <xdr:to>
      <xdr:col>3</xdr:col>
      <xdr:colOff>0</xdr:colOff>
      <xdr:row>305</xdr:row>
      <xdr:rowOff>123825</xdr:rowOff>
    </xdr:to>
    <xdr:sp macro="" textlink="">
      <xdr:nvSpPr>
        <xdr:cNvPr id="16" name="AutoShape 6">
          <a:extLst>
            <a:ext uri="{FF2B5EF4-FFF2-40B4-BE49-F238E27FC236}">
              <a16:creationId xmlns:a16="http://schemas.microsoft.com/office/drawing/2014/main" id="{00000000-0008-0000-0000-000010000000}"/>
            </a:ext>
          </a:extLst>
        </xdr:cNvPr>
        <xdr:cNvSpPr>
          <a:spLocks noChangeArrowheads="1"/>
        </xdr:cNvSpPr>
      </xdr:nvSpPr>
      <xdr:spPr bwMode="auto">
        <a:xfrm>
          <a:off x="323850" y="47834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25</xdr:row>
      <xdr:rowOff>0</xdr:rowOff>
    </xdr:from>
    <xdr:to>
      <xdr:col>3</xdr:col>
      <xdr:colOff>0</xdr:colOff>
      <xdr:row>425</xdr:row>
      <xdr:rowOff>123825</xdr:rowOff>
    </xdr:to>
    <xdr:sp macro="" textlink="">
      <xdr:nvSpPr>
        <xdr:cNvPr id="17" name="AutoShape 7">
          <a:extLst>
            <a:ext uri="{FF2B5EF4-FFF2-40B4-BE49-F238E27FC236}">
              <a16:creationId xmlns:a16="http://schemas.microsoft.com/office/drawing/2014/main" id="{00000000-0008-0000-0000-000011000000}"/>
            </a:ext>
          </a:extLst>
        </xdr:cNvPr>
        <xdr:cNvSpPr>
          <a:spLocks noChangeArrowheads="1"/>
        </xdr:cNvSpPr>
      </xdr:nvSpPr>
      <xdr:spPr bwMode="auto">
        <a:xfrm>
          <a:off x="323850" y="69780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9</xdr:row>
      <xdr:rowOff>19050</xdr:rowOff>
    </xdr:from>
    <xdr:to>
      <xdr:col>3</xdr:col>
      <xdr:colOff>9525</xdr:colOff>
      <xdr:row>709</xdr:row>
      <xdr:rowOff>142875</xdr:rowOff>
    </xdr:to>
    <xdr:sp macro="" textlink="">
      <xdr:nvSpPr>
        <xdr:cNvPr id="18" name="AutoShape 7">
          <a:extLst>
            <a:ext uri="{FF2B5EF4-FFF2-40B4-BE49-F238E27FC236}">
              <a16:creationId xmlns:a16="http://schemas.microsoft.com/office/drawing/2014/main" id="{00000000-0008-0000-0000-000012000000}"/>
            </a:ext>
          </a:extLst>
        </xdr:cNvPr>
        <xdr:cNvSpPr>
          <a:spLocks noChangeArrowheads="1"/>
        </xdr:cNvSpPr>
      </xdr:nvSpPr>
      <xdr:spPr bwMode="auto">
        <a:xfrm>
          <a:off x="333375" y="117119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8</xdr:row>
      <xdr:rowOff>28575</xdr:rowOff>
    </xdr:from>
    <xdr:to>
      <xdr:col>3</xdr:col>
      <xdr:colOff>0</xdr:colOff>
      <xdr:row>728</xdr:row>
      <xdr:rowOff>152400</xdr:rowOff>
    </xdr:to>
    <xdr:sp macro="" textlink="">
      <xdr:nvSpPr>
        <xdr:cNvPr id="19" name="AutoShape 7">
          <a:extLst>
            <a:ext uri="{FF2B5EF4-FFF2-40B4-BE49-F238E27FC236}">
              <a16:creationId xmlns:a16="http://schemas.microsoft.com/office/drawing/2014/main" id="{00000000-0008-0000-0000-000013000000}"/>
            </a:ext>
          </a:extLst>
        </xdr:cNvPr>
        <xdr:cNvSpPr>
          <a:spLocks noChangeArrowheads="1"/>
        </xdr:cNvSpPr>
      </xdr:nvSpPr>
      <xdr:spPr bwMode="auto">
        <a:xfrm>
          <a:off x="323850" y="11901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4</xdr:row>
      <xdr:rowOff>19050</xdr:rowOff>
    </xdr:from>
    <xdr:to>
      <xdr:col>3</xdr:col>
      <xdr:colOff>9525</xdr:colOff>
      <xdr:row>764</xdr:row>
      <xdr:rowOff>142875</xdr:rowOff>
    </xdr:to>
    <xdr:sp macro="" textlink="">
      <xdr:nvSpPr>
        <xdr:cNvPr id="20" name="AutoShape 7">
          <a:extLst>
            <a:ext uri="{FF2B5EF4-FFF2-40B4-BE49-F238E27FC236}">
              <a16:creationId xmlns:a16="http://schemas.microsoft.com/office/drawing/2014/main" id="{00000000-0008-0000-0000-000014000000}"/>
            </a:ext>
          </a:extLst>
        </xdr:cNvPr>
        <xdr:cNvSpPr>
          <a:spLocks noChangeArrowheads="1"/>
        </xdr:cNvSpPr>
      </xdr:nvSpPr>
      <xdr:spPr bwMode="auto">
        <a:xfrm>
          <a:off x="333375" y="125177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4</xdr:row>
      <xdr:rowOff>19050</xdr:rowOff>
    </xdr:from>
    <xdr:to>
      <xdr:col>3</xdr:col>
      <xdr:colOff>9525</xdr:colOff>
      <xdr:row>804</xdr:row>
      <xdr:rowOff>142875</xdr:rowOff>
    </xdr:to>
    <xdr:sp macro="" textlink="">
      <xdr:nvSpPr>
        <xdr:cNvPr id="21" name="AutoShape 10">
          <a:extLst>
            <a:ext uri="{FF2B5EF4-FFF2-40B4-BE49-F238E27FC236}">
              <a16:creationId xmlns:a16="http://schemas.microsoft.com/office/drawing/2014/main" id="{00000000-0008-0000-0000-000015000000}"/>
            </a:ext>
          </a:extLst>
        </xdr:cNvPr>
        <xdr:cNvSpPr>
          <a:spLocks noChangeArrowheads="1"/>
        </xdr:cNvSpPr>
      </xdr:nvSpPr>
      <xdr:spPr bwMode="auto">
        <a:xfrm>
          <a:off x="333375" y="132892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1</xdr:row>
      <xdr:rowOff>19050</xdr:rowOff>
    </xdr:from>
    <xdr:to>
      <xdr:col>3</xdr:col>
      <xdr:colOff>9525</xdr:colOff>
      <xdr:row>951</xdr:row>
      <xdr:rowOff>14287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333375" y="141979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3</xdr:row>
      <xdr:rowOff>0</xdr:rowOff>
    </xdr:from>
    <xdr:to>
      <xdr:col>3</xdr:col>
      <xdr:colOff>0</xdr:colOff>
      <xdr:row>273</xdr:row>
      <xdr:rowOff>123825</xdr:rowOff>
    </xdr:to>
    <xdr:sp macro="" textlink="">
      <xdr:nvSpPr>
        <xdr:cNvPr id="23" name="AutoShape 2">
          <a:extLst>
            <a:ext uri="{FF2B5EF4-FFF2-40B4-BE49-F238E27FC236}">
              <a16:creationId xmlns:a16="http://schemas.microsoft.com/office/drawing/2014/main" id="{00000000-0008-0000-0000-000017000000}"/>
            </a:ext>
          </a:extLst>
        </xdr:cNvPr>
        <xdr:cNvSpPr>
          <a:spLocks noChangeArrowheads="1"/>
        </xdr:cNvSpPr>
      </xdr:nvSpPr>
      <xdr:spPr bwMode="auto">
        <a:xfrm>
          <a:off x="323850" y="40119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5</xdr:row>
      <xdr:rowOff>0</xdr:rowOff>
    </xdr:from>
    <xdr:to>
      <xdr:col>3</xdr:col>
      <xdr:colOff>0</xdr:colOff>
      <xdr:row>555</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086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3</xdr:row>
      <xdr:rowOff>0</xdr:rowOff>
    </xdr:from>
    <xdr:to>
      <xdr:col>3</xdr:col>
      <xdr:colOff>0</xdr:colOff>
      <xdr:row>593</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23850" y="973836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8</xdr:row>
      <xdr:rowOff>0</xdr:rowOff>
    </xdr:from>
    <xdr:to>
      <xdr:col>3</xdr:col>
      <xdr:colOff>0</xdr:colOff>
      <xdr:row>608</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23850" y="10012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7</xdr:row>
      <xdr:rowOff>0</xdr:rowOff>
    </xdr:from>
    <xdr:to>
      <xdr:col>3</xdr:col>
      <xdr:colOff>0</xdr:colOff>
      <xdr:row>787</xdr:row>
      <xdr:rowOff>123825</xdr:rowOff>
    </xdr:to>
    <xdr:sp macro="" textlink="">
      <xdr:nvSpPr>
        <xdr:cNvPr id="27" name="AutoShape 7">
          <a:extLst>
            <a:ext uri="{FF2B5EF4-FFF2-40B4-BE49-F238E27FC236}">
              <a16:creationId xmlns:a16="http://schemas.microsoft.com/office/drawing/2014/main" id="{00000000-0008-0000-0000-00001B000000}"/>
            </a:ext>
          </a:extLst>
        </xdr:cNvPr>
        <xdr:cNvSpPr>
          <a:spLocks noChangeArrowheads="1"/>
        </xdr:cNvSpPr>
      </xdr:nvSpPr>
      <xdr:spPr bwMode="auto">
        <a:xfrm>
          <a:off x="323850" y="12944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1</xdr:row>
      <xdr:rowOff>19050</xdr:rowOff>
    </xdr:from>
    <xdr:to>
      <xdr:col>3</xdr:col>
      <xdr:colOff>9525</xdr:colOff>
      <xdr:row>1031</xdr:row>
      <xdr:rowOff>142875</xdr:rowOff>
    </xdr:to>
    <xdr:sp macro="" textlink="">
      <xdr:nvSpPr>
        <xdr:cNvPr id="28" name="AutoShape 7">
          <a:extLst>
            <a:ext uri="{FF2B5EF4-FFF2-40B4-BE49-F238E27FC236}">
              <a16:creationId xmlns:a16="http://schemas.microsoft.com/office/drawing/2014/main" id="{00000000-0008-0000-0000-00001C000000}"/>
            </a:ext>
          </a:extLst>
        </xdr:cNvPr>
        <xdr:cNvSpPr>
          <a:spLocks noChangeArrowheads="1"/>
        </xdr:cNvSpPr>
      </xdr:nvSpPr>
      <xdr:spPr bwMode="auto">
        <a:xfrm>
          <a:off x="333375" y="151237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9</xdr:row>
      <xdr:rowOff>0</xdr:rowOff>
    </xdr:from>
    <xdr:to>
      <xdr:col>3</xdr:col>
      <xdr:colOff>0</xdr:colOff>
      <xdr:row>1489</xdr:row>
      <xdr:rowOff>123825</xdr:rowOff>
    </xdr:to>
    <xdr:sp macro="" textlink="">
      <xdr:nvSpPr>
        <xdr:cNvPr id="29" name="AutoShape 20">
          <a:extLst>
            <a:ext uri="{FF2B5EF4-FFF2-40B4-BE49-F238E27FC236}">
              <a16:creationId xmlns:a16="http://schemas.microsoft.com/office/drawing/2014/main" id="{00000000-0008-0000-0000-00001D000000}"/>
            </a:ext>
          </a:extLst>
        </xdr:cNvPr>
        <xdr:cNvSpPr>
          <a:spLocks noChangeArrowheads="1"/>
        </xdr:cNvSpPr>
      </xdr:nvSpPr>
      <xdr:spPr bwMode="auto">
        <a:xfrm>
          <a:off x="323850" y="18225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0</xdr:row>
      <xdr:rowOff>0</xdr:rowOff>
    </xdr:from>
    <xdr:to>
      <xdr:col>3</xdr:col>
      <xdr:colOff>0</xdr:colOff>
      <xdr:row>190</xdr:row>
      <xdr:rowOff>123825</xdr:rowOff>
    </xdr:to>
    <xdr:sp macro="" textlink="">
      <xdr:nvSpPr>
        <xdr:cNvPr id="30" name="AutoShape 3">
          <a:extLst>
            <a:ext uri="{FF2B5EF4-FFF2-40B4-BE49-F238E27FC236}">
              <a16:creationId xmlns:a16="http://schemas.microsoft.com/office/drawing/2014/main" id="{00000000-0008-0000-0000-00001E000000}"/>
            </a:ext>
          </a:extLst>
        </xdr:cNvPr>
        <xdr:cNvSpPr>
          <a:spLocks noChangeArrowheads="1"/>
        </xdr:cNvSpPr>
      </xdr:nvSpPr>
      <xdr:spPr bwMode="auto">
        <a:xfrm>
          <a:off x="323850" y="27432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2</xdr:row>
      <xdr:rowOff>0</xdr:rowOff>
    </xdr:from>
    <xdr:to>
      <xdr:col>3</xdr:col>
      <xdr:colOff>0</xdr:colOff>
      <xdr:row>232</xdr:row>
      <xdr:rowOff>123825</xdr:rowOff>
    </xdr:to>
    <xdr:sp macro="" textlink="">
      <xdr:nvSpPr>
        <xdr:cNvPr id="31" name="AutoShape 3">
          <a:extLst>
            <a:ext uri="{FF2B5EF4-FFF2-40B4-BE49-F238E27FC236}">
              <a16:creationId xmlns:a16="http://schemas.microsoft.com/office/drawing/2014/main" id="{00000000-0008-0000-0000-00001F000000}"/>
            </a:ext>
          </a:extLst>
        </xdr:cNvPr>
        <xdr:cNvSpPr>
          <a:spLocks noChangeArrowheads="1"/>
        </xdr:cNvSpPr>
      </xdr:nvSpPr>
      <xdr:spPr bwMode="auto">
        <a:xfrm>
          <a:off x="323850" y="33604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5</xdr:row>
      <xdr:rowOff>0</xdr:rowOff>
    </xdr:from>
    <xdr:to>
      <xdr:col>3</xdr:col>
      <xdr:colOff>0</xdr:colOff>
      <xdr:row>255</xdr:row>
      <xdr:rowOff>123825</xdr:rowOff>
    </xdr:to>
    <xdr:sp macro="" textlink="">
      <xdr:nvSpPr>
        <xdr:cNvPr id="32" name="AutoShape 3">
          <a:extLst>
            <a:ext uri="{FF2B5EF4-FFF2-40B4-BE49-F238E27FC236}">
              <a16:creationId xmlns:a16="http://schemas.microsoft.com/office/drawing/2014/main" id="{00000000-0008-0000-0000-000020000000}"/>
            </a:ext>
          </a:extLst>
        </xdr:cNvPr>
        <xdr:cNvSpPr>
          <a:spLocks noChangeArrowheads="1"/>
        </xdr:cNvSpPr>
      </xdr:nvSpPr>
      <xdr:spPr bwMode="auto">
        <a:xfrm>
          <a:off x="323850" y="370332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9</xdr:row>
      <xdr:rowOff>19050</xdr:rowOff>
    </xdr:from>
    <xdr:to>
      <xdr:col>3</xdr:col>
      <xdr:colOff>9525</xdr:colOff>
      <xdr:row>669</xdr:row>
      <xdr:rowOff>142875</xdr:rowOff>
    </xdr:to>
    <xdr:sp macro="" textlink="">
      <xdr:nvSpPr>
        <xdr:cNvPr id="33" name="AutoShape 7">
          <a:extLst>
            <a:ext uri="{FF2B5EF4-FFF2-40B4-BE49-F238E27FC236}">
              <a16:creationId xmlns:a16="http://schemas.microsoft.com/office/drawing/2014/main" id="{00000000-0008-0000-0000-000021000000}"/>
            </a:ext>
          </a:extLst>
        </xdr:cNvPr>
        <xdr:cNvSpPr>
          <a:spLocks noChangeArrowheads="1"/>
        </xdr:cNvSpPr>
      </xdr:nvSpPr>
      <xdr:spPr bwMode="auto">
        <a:xfrm>
          <a:off x="333375" y="110432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4</xdr:row>
      <xdr:rowOff>19050</xdr:rowOff>
    </xdr:from>
    <xdr:to>
      <xdr:col>3</xdr:col>
      <xdr:colOff>9525</xdr:colOff>
      <xdr:row>694</xdr:row>
      <xdr:rowOff>142875</xdr:rowOff>
    </xdr:to>
    <xdr:sp macro="" textlink="">
      <xdr:nvSpPr>
        <xdr:cNvPr id="34" name="AutoShape 7">
          <a:extLst>
            <a:ext uri="{FF2B5EF4-FFF2-40B4-BE49-F238E27FC236}">
              <a16:creationId xmlns:a16="http://schemas.microsoft.com/office/drawing/2014/main" id="{00000000-0008-0000-0000-000022000000}"/>
            </a:ext>
          </a:extLst>
        </xdr:cNvPr>
        <xdr:cNvSpPr>
          <a:spLocks noChangeArrowheads="1"/>
        </xdr:cNvSpPr>
      </xdr:nvSpPr>
      <xdr:spPr bwMode="auto">
        <a:xfrm>
          <a:off x="333375" y="1145476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6</xdr:row>
      <xdr:rowOff>0</xdr:rowOff>
    </xdr:from>
    <xdr:to>
      <xdr:col>3</xdr:col>
      <xdr:colOff>0</xdr:colOff>
      <xdr:row>976</xdr:row>
      <xdr:rowOff>123825</xdr:rowOff>
    </xdr:to>
    <xdr:sp macro="" textlink="">
      <xdr:nvSpPr>
        <xdr:cNvPr id="35" name="AutoShape 12">
          <a:extLst>
            <a:ext uri="{FF2B5EF4-FFF2-40B4-BE49-F238E27FC236}">
              <a16:creationId xmlns:a16="http://schemas.microsoft.com/office/drawing/2014/main" id="{00000000-0008-0000-0000-000023000000}"/>
            </a:ext>
          </a:extLst>
        </xdr:cNvPr>
        <xdr:cNvSpPr>
          <a:spLocks noChangeArrowheads="1"/>
        </xdr:cNvSpPr>
      </xdr:nvSpPr>
      <xdr:spPr bwMode="auto">
        <a:xfrm>
          <a:off x="323850" y="1464183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5</xdr:row>
      <xdr:rowOff>0</xdr:rowOff>
    </xdr:from>
    <xdr:to>
      <xdr:col>3</xdr:col>
      <xdr:colOff>0</xdr:colOff>
      <xdr:row>745</xdr:row>
      <xdr:rowOff>123825</xdr:rowOff>
    </xdr:to>
    <xdr:sp macro="" textlink="">
      <xdr:nvSpPr>
        <xdr:cNvPr id="36" name="AutoShape 7">
          <a:extLst>
            <a:ext uri="{FF2B5EF4-FFF2-40B4-BE49-F238E27FC236}">
              <a16:creationId xmlns:a16="http://schemas.microsoft.com/office/drawing/2014/main" id="{00000000-0008-0000-0000-000024000000}"/>
            </a:ext>
          </a:extLst>
        </xdr:cNvPr>
        <xdr:cNvSpPr>
          <a:spLocks noChangeArrowheads="1"/>
        </xdr:cNvSpPr>
      </xdr:nvSpPr>
      <xdr:spPr bwMode="auto">
        <a:xfrm>
          <a:off x="323850" y="12172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1</xdr:row>
      <xdr:rowOff>0</xdr:rowOff>
    </xdr:from>
    <xdr:to>
      <xdr:col>3</xdr:col>
      <xdr:colOff>0</xdr:colOff>
      <xdr:row>211</xdr:row>
      <xdr:rowOff>123825</xdr:rowOff>
    </xdr:to>
    <xdr:sp macro="" textlink="">
      <xdr:nvSpPr>
        <xdr:cNvPr id="37" name="AutoShape 3">
          <a:extLst>
            <a:ext uri="{FF2B5EF4-FFF2-40B4-BE49-F238E27FC236}">
              <a16:creationId xmlns:a16="http://schemas.microsoft.com/office/drawing/2014/main" id="{00000000-0008-0000-0000-000025000000}"/>
            </a:ext>
          </a:extLst>
        </xdr:cNvPr>
        <xdr:cNvSpPr>
          <a:spLocks noChangeArrowheads="1"/>
        </xdr:cNvSpPr>
      </xdr:nvSpPr>
      <xdr:spPr bwMode="auto">
        <a:xfrm>
          <a:off x="323850" y="30003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74</xdr:row>
      <xdr:rowOff>33655</xdr:rowOff>
    </xdr:from>
    <xdr:to>
      <xdr:col>3</xdr:col>
      <xdr:colOff>0</xdr:colOff>
      <xdr:row>1574</xdr:row>
      <xdr:rowOff>161925</xdr:rowOff>
    </xdr:to>
    <xdr:sp macro="" textlink="">
      <xdr:nvSpPr>
        <xdr:cNvPr id="38" name="AutoShape 21">
          <a:extLst>
            <a:ext uri="{FF2B5EF4-FFF2-40B4-BE49-F238E27FC236}">
              <a16:creationId xmlns:a16="http://schemas.microsoft.com/office/drawing/2014/main" id="{00000000-0008-0000-0000-000026000000}"/>
            </a:ext>
          </a:extLst>
        </xdr:cNvPr>
        <xdr:cNvSpPr>
          <a:spLocks noChangeArrowheads="1"/>
        </xdr:cNvSpPr>
      </xdr:nvSpPr>
      <xdr:spPr bwMode="auto">
        <a:xfrm>
          <a:off x="292100" y="263298305"/>
          <a:ext cx="146050" cy="12827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3</xdr:row>
      <xdr:rowOff>0</xdr:rowOff>
    </xdr:from>
    <xdr:to>
      <xdr:col>3</xdr:col>
      <xdr:colOff>0</xdr:colOff>
      <xdr:row>1583</xdr:row>
      <xdr:rowOff>119743</xdr:rowOff>
    </xdr:to>
    <xdr:sp macro="" textlink="">
      <xdr:nvSpPr>
        <xdr:cNvPr id="40" name="AutoShape 21">
          <a:extLst>
            <a:ext uri="{FF2B5EF4-FFF2-40B4-BE49-F238E27FC236}">
              <a16:creationId xmlns:a16="http://schemas.microsoft.com/office/drawing/2014/main" id="{00000000-0008-0000-0000-000028000000}"/>
            </a:ext>
          </a:extLst>
        </xdr:cNvPr>
        <xdr:cNvSpPr>
          <a:spLocks noChangeArrowheads="1"/>
        </xdr:cNvSpPr>
      </xdr:nvSpPr>
      <xdr:spPr bwMode="auto">
        <a:xfrm>
          <a:off x="353786" y="193588821"/>
          <a:ext cx="176893"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0</xdr:row>
      <xdr:rowOff>19050</xdr:rowOff>
    </xdr:from>
    <xdr:to>
      <xdr:col>3</xdr:col>
      <xdr:colOff>9525</xdr:colOff>
      <xdr:row>1200</xdr:row>
      <xdr:rowOff>142875</xdr:rowOff>
    </xdr:to>
    <xdr:sp macro="" textlink="">
      <xdr:nvSpPr>
        <xdr:cNvPr id="41" name="AutoShape 20">
          <a:extLst>
            <a:ext uri="{FF2B5EF4-FFF2-40B4-BE49-F238E27FC236}">
              <a16:creationId xmlns:a16="http://schemas.microsoft.com/office/drawing/2014/main" id="{00000000-0008-0000-0000-000029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2</xdr:row>
      <xdr:rowOff>19050</xdr:rowOff>
    </xdr:from>
    <xdr:to>
      <xdr:col>3</xdr:col>
      <xdr:colOff>9525</xdr:colOff>
      <xdr:row>1162</xdr:row>
      <xdr:rowOff>142875</xdr:rowOff>
    </xdr:to>
    <xdr:sp macro="" textlink="">
      <xdr:nvSpPr>
        <xdr:cNvPr id="42" name="AutoShape 20">
          <a:extLst>
            <a:ext uri="{FF2B5EF4-FFF2-40B4-BE49-F238E27FC236}">
              <a16:creationId xmlns:a16="http://schemas.microsoft.com/office/drawing/2014/main" id="{00000000-0008-0000-0000-00002A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xdr:row>
      <xdr:rowOff>0</xdr:rowOff>
    </xdr:from>
    <xdr:to>
      <xdr:col>3</xdr:col>
      <xdr:colOff>0</xdr:colOff>
      <xdr:row>198</xdr:row>
      <xdr:rowOff>123825</xdr:rowOff>
    </xdr:to>
    <xdr:sp macro="" textlink="">
      <xdr:nvSpPr>
        <xdr:cNvPr id="43" name="AutoShape 3">
          <a:extLst>
            <a:ext uri="{FF2B5EF4-FFF2-40B4-BE49-F238E27FC236}">
              <a16:creationId xmlns:a16="http://schemas.microsoft.com/office/drawing/2014/main" id="{A1545AD4-2B4F-4A95-9EF7-13B35F74687E}"/>
            </a:ext>
          </a:extLst>
        </xdr:cNvPr>
        <xdr:cNvSpPr>
          <a:spLocks noChangeArrowheads="1"/>
        </xdr:cNvSpPr>
      </xdr:nvSpPr>
      <xdr:spPr bwMode="auto">
        <a:xfrm>
          <a:off x="304800" y="275691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1</xdr:row>
      <xdr:rowOff>19050</xdr:rowOff>
    </xdr:from>
    <xdr:to>
      <xdr:col>3</xdr:col>
      <xdr:colOff>9525</xdr:colOff>
      <xdr:row>901</xdr:row>
      <xdr:rowOff>142875</xdr:rowOff>
    </xdr:to>
    <xdr:sp macro="" textlink="">
      <xdr:nvSpPr>
        <xdr:cNvPr id="47" name="AutoShape 12">
          <a:extLst>
            <a:ext uri="{FF2B5EF4-FFF2-40B4-BE49-F238E27FC236}">
              <a16:creationId xmlns:a16="http://schemas.microsoft.com/office/drawing/2014/main" id="{B827F2F4-A539-4FF6-9EC7-68A1035845BA}"/>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8</xdr:row>
      <xdr:rowOff>19050</xdr:rowOff>
    </xdr:from>
    <xdr:to>
      <xdr:col>3</xdr:col>
      <xdr:colOff>9525</xdr:colOff>
      <xdr:row>928</xdr:row>
      <xdr:rowOff>142875</xdr:rowOff>
    </xdr:to>
    <xdr:sp macro="" textlink="">
      <xdr:nvSpPr>
        <xdr:cNvPr id="48" name="AutoShape 12">
          <a:extLst>
            <a:ext uri="{FF2B5EF4-FFF2-40B4-BE49-F238E27FC236}">
              <a16:creationId xmlns:a16="http://schemas.microsoft.com/office/drawing/2014/main" id="{9302CDA2-7758-44D4-B272-DC4DEC7899D7}"/>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4</xdr:row>
      <xdr:rowOff>19050</xdr:rowOff>
    </xdr:from>
    <xdr:to>
      <xdr:col>3</xdr:col>
      <xdr:colOff>9525</xdr:colOff>
      <xdr:row>874</xdr:row>
      <xdr:rowOff>142875</xdr:rowOff>
    </xdr:to>
    <xdr:sp macro="" textlink="">
      <xdr:nvSpPr>
        <xdr:cNvPr id="49" name="AutoShape 17">
          <a:extLst>
            <a:ext uri="{FF2B5EF4-FFF2-40B4-BE49-F238E27FC236}">
              <a16:creationId xmlns:a16="http://schemas.microsoft.com/office/drawing/2014/main" id="{E4FA1755-7478-402C-8540-51DA471E7DDC}"/>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6</xdr:row>
      <xdr:rowOff>0</xdr:rowOff>
    </xdr:from>
    <xdr:to>
      <xdr:col>3</xdr:col>
      <xdr:colOff>0</xdr:colOff>
      <xdr:row>996</xdr:row>
      <xdr:rowOff>123825</xdr:rowOff>
    </xdr:to>
    <xdr:sp macro="" textlink="">
      <xdr:nvSpPr>
        <xdr:cNvPr id="50" name="AutoShape 15">
          <a:extLst>
            <a:ext uri="{FF2B5EF4-FFF2-40B4-BE49-F238E27FC236}">
              <a16:creationId xmlns:a16="http://schemas.microsoft.com/office/drawing/2014/main" id="{87BC34E7-8B3B-4A0C-BA26-B2C24E351063}"/>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4</xdr:row>
      <xdr:rowOff>19050</xdr:rowOff>
    </xdr:from>
    <xdr:to>
      <xdr:col>3</xdr:col>
      <xdr:colOff>9525</xdr:colOff>
      <xdr:row>1214</xdr:row>
      <xdr:rowOff>142875</xdr:rowOff>
    </xdr:to>
    <xdr:sp macro="" textlink="">
      <xdr:nvSpPr>
        <xdr:cNvPr id="57" name="AutoShape 20">
          <a:extLst>
            <a:ext uri="{FF2B5EF4-FFF2-40B4-BE49-F238E27FC236}">
              <a16:creationId xmlns:a16="http://schemas.microsoft.com/office/drawing/2014/main" id="{A9BEA6CD-2765-481C-9D5D-18B26FEA5600}"/>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2875</xdr:colOff>
      <xdr:row>1222</xdr:row>
      <xdr:rowOff>31750</xdr:rowOff>
    </xdr:from>
    <xdr:to>
      <xdr:col>2</xdr:col>
      <xdr:colOff>142876</xdr:colOff>
      <xdr:row>1222</xdr:row>
      <xdr:rowOff>155575</xdr:rowOff>
    </xdr:to>
    <xdr:sp macro="" textlink="">
      <xdr:nvSpPr>
        <xdr:cNvPr id="58" name="AutoShape 20">
          <a:extLst>
            <a:ext uri="{FF2B5EF4-FFF2-40B4-BE49-F238E27FC236}">
              <a16:creationId xmlns:a16="http://schemas.microsoft.com/office/drawing/2014/main" id="{23185EFB-6A6F-4D85-9935-FA4BC2A10C6B}"/>
            </a:ext>
          </a:extLst>
        </xdr:cNvPr>
        <xdr:cNvSpPr>
          <a:spLocks noChangeArrowheads="1"/>
        </xdr:cNvSpPr>
      </xdr:nvSpPr>
      <xdr:spPr bwMode="auto">
        <a:xfrm>
          <a:off x="291042" y="206316792"/>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6</xdr:row>
      <xdr:rowOff>19050</xdr:rowOff>
    </xdr:from>
    <xdr:to>
      <xdr:col>3</xdr:col>
      <xdr:colOff>9525</xdr:colOff>
      <xdr:row>1246</xdr:row>
      <xdr:rowOff>142875</xdr:rowOff>
    </xdr:to>
    <xdr:sp macro="" textlink="">
      <xdr:nvSpPr>
        <xdr:cNvPr id="59" name="AutoShape 21">
          <a:extLst>
            <a:ext uri="{FF2B5EF4-FFF2-40B4-BE49-F238E27FC236}">
              <a16:creationId xmlns:a16="http://schemas.microsoft.com/office/drawing/2014/main" id="{DD6F1D22-7515-4FB3-9294-3ECCCBC0FDC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5</xdr:row>
      <xdr:rowOff>0</xdr:rowOff>
    </xdr:from>
    <xdr:to>
      <xdr:col>3</xdr:col>
      <xdr:colOff>0</xdr:colOff>
      <xdr:row>1265</xdr:row>
      <xdr:rowOff>123825</xdr:rowOff>
    </xdr:to>
    <xdr:sp macro="" textlink="">
      <xdr:nvSpPr>
        <xdr:cNvPr id="60" name="AutoShape 21">
          <a:extLst>
            <a:ext uri="{FF2B5EF4-FFF2-40B4-BE49-F238E27FC236}">
              <a16:creationId xmlns:a16="http://schemas.microsoft.com/office/drawing/2014/main" id="{8969CFC5-4A96-470F-B433-76BBA0B67E08}"/>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91</xdr:row>
      <xdr:rowOff>19050</xdr:rowOff>
    </xdr:from>
    <xdr:to>
      <xdr:col>3</xdr:col>
      <xdr:colOff>9525</xdr:colOff>
      <xdr:row>1291</xdr:row>
      <xdr:rowOff>142875</xdr:rowOff>
    </xdr:to>
    <xdr:sp macro="" textlink="">
      <xdr:nvSpPr>
        <xdr:cNvPr id="61" name="AutoShape 20">
          <a:extLst>
            <a:ext uri="{FF2B5EF4-FFF2-40B4-BE49-F238E27FC236}">
              <a16:creationId xmlns:a16="http://schemas.microsoft.com/office/drawing/2014/main" id="{1D224F34-4C6E-4895-9725-4C05531FA091}"/>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8</xdr:row>
      <xdr:rowOff>0</xdr:rowOff>
    </xdr:from>
    <xdr:to>
      <xdr:col>3</xdr:col>
      <xdr:colOff>0</xdr:colOff>
      <xdr:row>1308</xdr:row>
      <xdr:rowOff>123825</xdr:rowOff>
    </xdr:to>
    <xdr:sp macro="" textlink="">
      <xdr:nvSpPr>
        <xdr:cNvPr id="62" name="AutoShape 20">
          <a:extLst>
            <a:ext uri="{FF2B5EF4-FFF2-40B4-BE49-F238E27FC236}">
              <a16:creationId xmlns:a16="http://schemas.microsoft.com/office/drawing/2014/main" id="{F08213C9-3592-40EF-B777-4B85A1ABA08E}"/>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6</xdr:row>
      <xdr:rowOff>19050</xdr:rowOff>
    </xdr:from>
    <xdr:to>
      <xdr:col>3</xdr:col>
      <xdr:colOff>9525</xdr:colOff>
      <xdr:row>1336</xdr:row>
      <xdr:rowOff>142875</xdr:rowOff>
    </xdr:to>
    <xdr:sp macro="" textlink="">
      <xdr:nvSpPr>
        <xdr:cNvPr id="63" name="AutoShape 21">
          <a:extLst>
            <a:ext uri="{FF2B5EF4-FFF2-40B4-BE49-F238E27FC236}">
              <a16:creationId xmlns:a16="http://schemas.microsoft.com/office/drawing/2014/main" id="{B2A6174E-9BB8-4D34-A049-7D74AA693140}"/>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5</xdr:row>
      <xdr:rowOff>0</xdr:rowOff>
    </xdr:from>
    <xdr:to>
      <xdr:col>3</xdr:col>
      <xdr:colOff>0</xdr:colOff>
      <xdr:row>1355</xdr:row>
      <xdr:rowOff>123825</xdr:rowOff>
    </xdr:to>
    <xdr:sp macro="" textlink="">
      <xdr:nvSpPr>
        <xdr:cNvPr id="64" name="AutoShape 21">
          <a:extLst>
            <a:ext uri="{FF2B5EF4-FFF2-40B4-BE49-F238E27FC236}">
              <a16:creationId xmlns:a16="http://schemas.microsoft.com/office/drawing/2014/main" id="{74A1EE5E-DB67-4BD5-BDE0-6178DF283276}"/>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8</xdr:row>
      <xdr:rowOff>0</xdr:rowOff>
    </xdr:from>
    <xdr:to>
      <xdr:col>3</xdr:col>
      <xdr:colOff>0</xdr:colOff>
      <xdr:row>1368</xdr:row>
      <xdr:rowOff>123825</xdr:rowOff>
    </xdr:to>
    <xdr:sp macro="" textlink="">
      <xdr:nvSpPr>
        <xdr:cNvPr id="65" name="AutoShape 21">
          <a:extLst>
            <a:ext uri="{FF2B5EF4-FFF2-40B4-BE49-F238E27FC236}">
              <a16:creationId xmlns:a16="http://schemas.microsoft.com/office/drawing/2014/main" id="{B339C71C-9411-43BD-922B-F33A89DC2512}"/>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5</xdr:row>
      <xdr:rowOff>19050</xdr:rowOff>
    </xdr:from>
    <xdr:to>
      <xdr:col>3</xdr:col>
      <xdr:colOff>9525</xdr:colOff>
      <xdr:row>1035</xdr:row>
      <xdr:rowOff>142875</xdr:rowOff>
    </xdr:to>
    <xdr:sp macro="" textlink="">
      <xdr:nvSpPr>
        <xdr:cNvPr id="66" name="AutoShape 14">
          <a:extLst>
            <a:ext uri="{FF2B5EF4-FFF2-40B4-BE49-F238E27FC236}">
              <a16:creationId xmlns:a16="http://schemas.microsoft.com/office/drawing/2014/main" id="{34564919-D5B0-4DC2-8D9C-4475AF7BFF42}"/>
            </a:ext>
          </a:extLst>
        </xdr:cNvPr>
        <xdr:cNvSpPr>
          <a:spLocks noChangeArrowheads="1"/>
        </xdr:cNvSpPr>
      </xdr:nvSpPr>
      <xdr:spPr bwMode="auto">
        <a:xfrm>
          <a:off x="299085" y="1477022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7</xdr:row>
      <xdr:rowOff>25400</xdr:rowOff>
    </xdr:from>
    <xdr:to>
      <xdr:col>3</xdr:col>
      <xdr:colOff>0</xdr:colOff>
      <xdr:row>1047</xdr:row>
      <xdr:rowOff>149225</xdr:rowOff>
    </xdr:to>
    <xdr:sp macro="" textlink="">
      <xdr:nvSpPr>
        <xdr:cNvPr id="67" name="AutoShape 20">
          <a:extLst>
            <a:ext uri="{FF2B5EF4-FFF2-40B4-BE49-F238E27FC236}">
              <a16:creationId xmlns:a16="http://schemas.microsoft.com/office/drawing/2014/main" id="{60D1DF4B-D6C9-4E62-BB45-8A41A9C53F82}"/>
            </a:ext>
          </a:extLst>
        </xdr:cNvPr>
        <xdr:cNvSpPr>
          <a:spLocks noChangeArrowheads="1"/>
        </xdr:cNvSpPr>
      </xdr:nvSpPr>
      <xdr:spPr bwMode="auto">
        <a:xfrm>
          <a:off x="292100" y="17341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3</xdr:row>
      <xdr:rowOff>19050</xdr:rowOff>
    </xdr:from>
    <xdr:to>
      <xdr:col>3</xdr:col>
      <xdr:colOff>9525</xdr:colOff>
      <xdr:row>1063</xdr:row>
      <xdr:rowOff>142875</xdr:rowOff>
    </xdr:to>
    <xdr:sp macro="" textlink="">
      <xdr:nvSpPr>
        <xdr:cNvPr id="68" name="AutoShape 15">
          <a:extLst>
            <a:ext uri="{FF2B5EF4-FFF2-40B4-BE49-F238E27FC236}">
              <a16:creationId xmlns:a16="http://schemas.microsoft.com/office/drawing/2014/main" id="{27C91450-801E-4856-A244-9AA9466856F4}"/>
            </a:ext>
          </a:extLst>
        </xdr:cNvPr>
        <xdr:cNvSpPr>
          <a:spLocks noChangeArrowheads="1"/>
        </xdr:cNvSpPr>
      </xdr:nvSpPr>
      <xdr:spPr bwMode="auto">
        <a:xfrm>
          <a:off x="299085" y="152297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2</xdr:row>
      <xdr:rowOff>19050</xdr:rowOff>
    </xdr:from>
    <xdr:to>
      <xdr:col>3</xdr:col>
      <xdr:colOff>9525</xdr:colOff>
      <xdr:row>1092</xdr:row>
      <xdr:rowOff>142875</xdr:rowOff>
    </xdr:to>
    <xdr:sp macro="" textlink="">
      <xdr:nvSpPr>
        <xdr:cNvPr id="69" name="AutoShape 15">
          <a:extLst>
            <a:ext uri="{FF2B5EF4-FFF2-40B4-BE49-F238E27FC236}">
              <a16:creationId xmlns:a16="http://schemas.microsoft.com/office/drawing/2014/main" id="{EBA64182-4C21-4FC7-8356-469A211ABE6B}"/>
            </a:ext>
          </a:extLst>
        </xdr:cNvPr>
        <xdr:cNvSpPr>
          <a:spLocks noChangeArrowheads="1"/>
        </xdr:cNvSpPr>
      </xdr:nvSpPr>
      <xdr:spPr bwMode="auto">
        <a:xfrm>
          <a:off x="299085" y="1573034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8</xdr:row>
      <xdr:rowOff>19050</xdr:rowOff>
    </xdr:from>
    <xdr:to>
      <xdr:col>3</xdr:col>
      <xdr:colOff>9525</xdr:colOff>
      <xdr:row>1108</xdr:row>
      <xdr:rowOff>142875</xdr:rowOff>
    </xdr:to>
    <xdr:sp macro="" textlink="">
      <xdr:nvSpPr>
        <xdr:cNvPr id="70" name="AutoShape 15">
          <a:extLst>
            <a:ext uri="{FF2B5EF4-FFF2-40B4-BE49-F238E27FC236}">
              <a16:creationId xmlns:a16="http://schemas.microsoft.com/office/drawing/2014/main" id="{D50425B9-46DB-4450-A1EA-429E736EEE1B}"/>
            </a:ext>
          </a:extLst>
        </xdr:cNvPr>
        <xdr:cNvSpPr>
          <a:spLocks noChangeArrowheads="1"/>
        </xdr:cNvSpPr>
      </xdr:nvSpPr>
      <xdr:spPr bwMode="auto">
        <a:xfrm>
          <a:off x="299085" y="1598790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1588"/>
  <sheetViews>
    <sheetView tabSelected="1" view="pageBreakPreview" zoomScaleNormal="100" zoomScaleSheetLayoutView="100" workbookViewId="0">
      <selection activeCell="A10" sqref="A10"/>
    </sheetView>
  </sheetViews>
  <sheetFormatPr defaultColWidth="9" defaultRowHeight="13.5" customHeight="1"/>
  <cols>
    <col min="1" max="3" width="2.08984375" style="1" customWidth="1"/>
    <col min="4" max="4" width="2.36328125" style="1" customWidth="1"/>
    <col min="5" max="32" width="2.08984375" style="1" customWidth="1"/>
    <col min="33" max="33" width="3" style="1" customWidth="1"/>
    <col min="34" max="34" width="2.6328125" style="1" customWidth="1"/>
    <col min="35" max="42" width="2.08984375" style="1" customWidth="1"/>
    <col min="43" max="16384" width="9" style="1"/>
  </cols>
  <sheetData>
    <row r="1" spans="1:42" s="76" customFormat="1" ht="13.5" customHeight="1" thickTop="1">
      <c r="A1" s="381" t="s">
        <v>436</v>
      </c>
      <c r="B1" s="382"/>
      <c r="C1" s="382"/>
      <c r="D1" s="382"/>
      <c r="E1" s="382"/>
      <c r="F1" s="382"/>
      <c r="G1" s="382"/>
      <c r="H1" s="382"/>
      <c r="I1" s="382"/>
      <c r="J1" s="382"/>
      <c r="K1" s="382"/>
      <c r="L1" s="382"/>
      <c r="M1" s="382"/>
      <c r="N1" s="382"/>
      <c r="O1" s="382"/>
      <c r="P1" s="382"/>
      <c r="Q1" s="382"/>
      <c r="R1" s="382"/>
      <c r="S1" s="382"/>
      <c r="T1" s="382"/>
      <c r="U1" s="382"/>
      <c r="V1" s="382"/>
      <c r="W1" s="382"/>
      <c r="X1" s="382"/>
      <c r="Y1" s="382"/>
      <c r="Z1" s="382"/>
      <c r="AA1" s="382"/>
      <c r="AB1" s="382"/>
      <c r="AC1" s="382"/>
      <c r="AD1" s="382"/>
      <c r="AE1" s="382"/>
      <c r="AF1" s="382"/>
      <c r="AG1" s="382"/>
      <c r="AH1" s="382"/>
      <c r="AI1" s="382"/>
      <c r="AJ1" s="382"/>
      <c r="AK1" s="382"/>
      <c r="AL1" s="383"/>
      <c r="AM1" s="78"/>
      <c r="AN1" s="78"/>
      <c r="AO1" s="78"/>
      <c r="AP1" s="78"/>
    </row>
    <row r="2" spans="1:42" s="76" customFormat="1" ht="13.5" customHeight="1">
      <c r="A2" s="384"/>
      <c r="B2" s="385"/>
      <c r="C2" s="385"/>
      <c r="D2" s="385"/>
      <c r="E2" s="385"/>
      <c r="F2" s="385"/>
      <c r="G2" s="385"/>
      <c r="H2" s="385"/>
      <c r="I2" s="385"/>
      <c r="J2" s="385"/>
      <c r="K2" s="385"/>
      <c r="L2" s="385"/>
      <c r="M2" s="385"/>
      <c r="N2" s="385"/>
      <c r="O2" s="385"/>
      <c r="P2" s="385"/>
      <c r="Q2" s="385"/>
      <c r="R2" s="385"/>
      <c r="S2" s="385"/>
      <c r="T2" s="385"/>
      <c r="U2" s="385"/>
      <c r="V2" s="385"/>
      <c r="W2" s="385"/>
      <c r="X2" s="385"/>
      <c r="Y2" s="385"/>
      <c r="Z2" s="385"/>
      <c r="AA2" s="385"/>
      <c r="AB2" s="385"/>
      <c r="AC2" s="385"/>
      <c r="AD2" s="385"/>
      <c r="AE2" s="385"/>
      <c r="AF2" s="385"/>
      <c r="AG2" s="385"/>
      <c r="AH2" s="385"/>
      <c r="AI2" s="385"/>
      <c r="AJ2" s="385"/>
      <c r="AK2" s="385"/>
      <c r="AL2" s="386"/>
      <c r="AM2" s="78"/>
      <c r="AN2" s="78"/>
      <c r="AO2" s="78"/>
      <c r="AP2" s="78"/>
    </row>
    <row r="3" spans="1:42" s="76" customFormat="1" ht="21" customHeight="1">
      <c r="A3" s="384"/>
      <c r="B3" s="385"/>
      <c r="C3" s="385"/>
      <c r="D3" s="385"/>
      <c r="E3" s="385"/>
      <c r="F3" s="385"/>
      <c r="G3" s="385"/>
      <c r="H3" s="385"/>
      <c r="I3" s="385"/>
      <c r="J3" s="385"/>
      <c r="K3" s="385"/>
      <c r="L3" s="385"/>
      <c r="M3" s="385"/>
      <c r="N3" s="385"/>
      <c r="O3" s="385"/>
      <c r="P3" s="385"/>
      <c r="Q3" s="385"/>
      <c r="R3" s="385"/>
      <c r="S3" s="385"/>
      <c r="T3" s="385"/>
      <c r="U3" s="385"/>
      <c r="V3" s="385"/>
      <c r="W3" s="385"/>
      <c r="X3" s="385"/>
      <c r="Y3" s="385"/>
      <c r="Z3" s="385"/>
      <c r="AA3" s="385"/>
      <c r="AB3" s="385"/>
      <c r="AC3" s="385"/>
      <c r="AD3" s="385"/>
      <c r="AE3" s="385"/>
      <c r="AF3" s="385"/>
      <c r="AG3" s="385"/>
      <c r="AH3" s="385"/>
      <c r="AI3" s="385"/>
      <c r="AJ3" s="385"/>
      <c r="AK3" s="385"/>
      <c r="AL3" s="386"/>
    </row>
    <row r="4" spans="1:42" s="76" customFormat="1" ht="13.5" customHeight="1">
      <c r="A4" s="79"/>
      <c r="B4" s="387" t="s">
        <v>0</v>
      </c>
      <c r="C4" s="387"/>
      <c r="D4" s="387"/>
      <c r="E4" s="387"/>
      <c r="F4" s="387"/>
      <c r="G4" s="387"/>
      <c r="H4" s="388"/>
      <c r="I4" s="389" t="s">
        <v>1</v>
      </c>
      <c r="J4" s="387" t="s">
        <v>2</v>
      </c>
      <c r="K4" s="387"/>
      <c r="L4" s="387"/>
      <c r="M4" s="387"/>
      <c r="N4" s="387"/>
      <c r="O4" s="387"/>
      <c r="P4" s="387"/>
      <c r="Q4" s="387"/>
      <c r="R4" s="387"/>
      <c r="S4" s="387"/>
      <c r="T4" s="387"/>
      <c r="U4" s="387"/>
      <c r="V4" s="387"/>
      <c r="W4" s="387"/>
      <c r="X4" s="387"/>
      <c r="Y4" s="387"/>
      <c r="Z4" s="387"/>
      <c r="AA4" s="387"/>
      <c r="AB4" s="387"/>
      <c r="AC4" s="387"/>
      <c r="AD4" s="387"/>
      <c r="AE4" s="387"/>
      <c r="AF4" s="387"/>
      <c r="AG4" s="387"/>
      <c r="AH4" s="387"/>
      <c r="AI4" s="387"/>
      <c r="AJ4" s="389" t="s">
        <v>3</v>
      </c>
      <c r="AK4" s="80"/>
      <c r="AL4" s="81"/>
    </row>
    <row r="5" spans="1:42" s="76" customFormat="1" ht="13.5" customHeight="1">
      <c r="A5" s="79"/>
      <c r="B5" s="387"/>
      <c r="C5" s="387"/>
      <c r="D5" s="387"/>
      <c r="E5" s="387"/>
      <c r="F5" s="387"/>
      <c r="G5" s="387"/>
      <c r="H5" s="388"/>
      <c r="I5" s="389"/>
      <c r="J5" s="387"/>
      <c r="K5" s="387"/>
      <c r="L5" s="387"/>
      <c r="M5" s="387"/>
      <c r="N5" s="387"/>
      <c r="O5" s="387"/>
      <c r="P5" s="387"/>
      <c r="Q5" s="387"/>
      <c r="R5" s="387"/>
      <c r="S5" s="387"/>
      <c r="T5" s="387"/>
      <c r="U5" s="387"/>
      <c r="V5" s="387"/>
      <c r="W5" s="387"/>
      <c r="X5" s="387"/>
      <c r="Y5" s="387"/>
      <c r="Z5" s="387"/>
      <c r="AA5" s="387"/>
      <c r="AB5" s="387"/>
      <c r="AC5" s="387"/>
      <c r="AD5" s="387"/>
      <c r="AE5" s="387"/>
      <c r="AF5" s="387"/>
      <c r="AG5" s="387"/>
      <c r="AH5" s="387"/>
      <c r="AI5" s="387"/>
      <c r="AJ5" s="389"/>
      <c r="AK5" s="80"/>
      <c r="AL5" s="81"/>
    </row>
    <row r="6" spans="1:42" s="76" customFormat="1" ht="9.5" customHeight="1">
      <c r="A6" s="79"/>
      <c r="B6" s="387"/>
      <c r="C6" s="387"/>
      <c r="D6" s="387"/>
      <c r="E6" s="387"/>
      <c r="F6" s="387"/>
      <c r="G6" s="387"/>
      <c r="H6" s="388"/>
      <c r="I6" s="389"/>
      <c r="J6" s="387"/>
      <c r="K6" s="387"/>
      <c r="L6" s="387"/>
      <c r="M6" s="387"/>
      <c r="N6" s="387"/>
      <c r="O6" s="387"/>
      <c r="P6" s="387"/>
      <c r="Q6" s="387"/>
      <c r="R6" s="387"/>
      <c r="S6" s="387"/>
      <c r="T6" s="387"/>
      <c r="U6" s="387"/>
      <c r="V6" s="387"/>
      <c r="W6" s="387"/>
      <c r="X6" s="387"/>
      <c r="Y6" s="387"/>
      <c r="Z6" s="387"/>
      <c r="AA6" s="387"/>
      <c r="AB6" s="387"/>
      <c r="AC6" s="387"/>
      <c r="AD6" s="387"/>
      <c r="AE6" s="387"/>
      <c r="AF6" s="387"/>
      <c r="AG6" s="387"/>
      <c r="AH6" s="387"/>
      <c r="AI6" s="387"/>
      <c r="AJ6" s="389"/>
      <c r="AK6" s="80"/>
      <c r="AL6" s="81"/>
    </row>
    <row r="7" spans="1:42" s="76" customFormat="1" ht="7" customHeight="1">
      <c r="A7" s="82"/>
      <c r="B7" s="83"/>
      <c r="C7" s="83"/>
      <c r="D7" s="83"/>
      <c r="E7" s="83"/>
      <c r="F7" s="83"/>
      <c r="G7" s="83"/>
      <c r="H7" s="83"/>
      <c r="I7" s="83"/>
      <c r="J7" s="83"/>
      <c r="K7" s="83"/>
      <c r="L7" s="390" t="s">
        <v>4</v>
      </c>
      <c r="M7" s="391"/>
      <c r="N7" s="391"/>
      <c r="O7" s="391"/>
      <c r="P7" s="391"/>
      <c r="Q7" s="391"/>
      <c r="R7" s="391"/>
      <c r="S7" s="391"/>
      <c r="T7" s="391"/>
      <c r="U7" s="391"/>
      <c r="V7" s="391"/>
      <c r="W7" s="391"/>
      <c r="X7" s="391"/>
      <c r="Y7" s="391"/>
      <c r="Z7" s="391"/>
      <c r="AA7" s="392"/>
      <c r="AB7" s="84"/>
      <c r="AC7" s="84"/>
      <c r="AD7" s="84"/>
      <c r="AE7" s="84"/>
      <c r="AF7" s="84"/>
      <c r="AG7" s="84"/>
      <c r="AH7" s="84"/>
      <c r="AI7" s="84"/>
      <c r="AJ7" s="84"/>
      <c r="AK7" s="83"/>
      <c r="AL7" s="85"/>
    </row>
    <row r="8" spans="1:42" s="76" customFormat="1" ht="13.5" customHeight="1">
      <c r="A8" s="86"/>
      <c r="B8" s="83"/>
      <c r="C8" s="83"/>
      <c r="D8" s="83"/>
      <c r="E8" s="83"/>
      <c r="F8" s="83"/>
      <c r="G8" s="83"/>
      <c r="H8" s="83"/>
      <c r="I8" s="83"/>
      <c r="J8" s="83"/>
      <c r="K8" s="83"/>
      <c r="L8" s="393"/>
      <c r="M8" s="394"/>
      <c r="N8" s="394"/>
      <c r="O8" s="394"/>
      <c r="P8" s="394"/>
      <c r="Q8" s="394"/>
      <c r="R8" s="394"/>
      <c r="S8" s="394"/>
      <c r="T8" s="394"/>
      <c r="U8" s="394"/>
      <c r="V8" s="394"/>
      <c r="W8" s="394"/>
      <c r="X8" s="394"/>
      <c r="Y8" s="394"/>
      <c r="Z8" s="394"/>
      <c r="AA8" s="395"/>
      <c r="AB8" s="84"/>
      <c r="AC8" s="84"/>
      <c r="AD8" s="84"/>
      <c r="AE8" s="84"/>
      <c r="AF8" s="84"/>
      <c r="AG8" s="84"/>
      <c r="AH8" s="84"/>
      <c r="AI8" s="84"/>
      <c r="AJ8" s="84"/>
      <c r="AK8" s="83"/>
      <c r="AL8" s="85"/>
    </row>
    <row r="9" spans="1:42" s="76" customFormat="1" ht="13.5" customHeight="1" thickBot="1">
      <c r="A9" s="87"/>
      <c r="B9" s="88"/>
      <c r="C9" s="88"/>
      <c r="D9" s="88"/>
      <c r="E9" s="88"/>
      <c r="F9" s="88"/>
      <c r="G9" s="88"/>
      <c r="H9" s="88"/>
      <c r="I9" s="88"/>
      <c r="J9" s="88"/>
      <c r="K9" s="88"/>
      <c r="L9" s="88"/>
      <c r="M9" s="88"/>
      <c r="N9" s="88"/>
      <c r="O9" s="88"/>
      <c r="P9" s="88"/>
      <c r="Q9" s="88"/>
      <c r="R9" s="88"/>
      <c r="S9" s="88"/>
      <c r="T9" s="88"/>
      <c r="U9" s="88"/>
      <c r="V9" s="88"/>
      <c r="W9" s="88"/>
      <c r="X9" s="88"/>
      <c r="Y9" s="88"/>
      <c r="Z9" s="88"/>
      <c r="AA9" s="88"/>
      <c r="AB9" s="88"/>
      <c r="AC9" s="88"/>
      <c r="AD9" s="88"/>
      <c r="AE9" s="88"/>
      <c r="AF9" s="88"/>
      <c r="AG9" s="88"/>
      <c r="AH9" s="88"/>
      <c r="AI9" s="89"/>
      <c r="AJ9" s="89"/>
      <c r="AK9" s="89"/>
      <c r="AL9" s="90"/>
    </row>
    <row r="10" spans="1:42" s="76" customFormat="1" ht="9.5" customHeight="1" thickTop="1" thickBot="1"/>
    <row r="11" spans="1:42" s="76" customFormat="1" ht="13.5" customHeight="1">
      <c r="B11" s="91"/>
      <c r="C11" s="92"/>
      <c r="D11" s="92"/>
      <c r="E11" s="92"/>
      <c r="F11" s="92"/>
      <c r="G11" s="92"/>
      <c r="H11" s="92"/>
      <c r="I11" s="92"/>
      <c r="J11" s="92"/>
      <c r="K11" s="92"/>
      <c r="L11" s="92"/>
      <c r="M11" s="92"/>
      <c r="N11" s="92"/>
      <c r="O11" s="92"/>
      <c r="P11" s="92"/>
      <c r="Q11" s="92"/>
      <c r="R11" s="92"/>
      <c r="S11" s="92"/>
      <c r="T11" s="92"/>
      <c r="U11" s="92"/>
      <c r="V11" s="92"/>
      <c r="W11" s="92"/>
      <c r="X11" s="92"/>
      <c r="Y11" s="92"/>
      <c r="Z11" s="92"/>
      <c r="AA11" s="92"/>
      <c r="AB11" s="92"/>
      <c r="AC11" s="92"/>
      <c r="AD11" s="92"/>
      <c r="AE11" s="92"/>
      <c r="AF11" s="92"/>
      <c r="AG11" s="92"/>
      <c r="AH11" s="92"/>
      <c r="AI11" s="92"/>
      <c r="AJ11" s="92"/>
      <c r="AK11" s="92"/>
      <c r="AL11" s="93"/>
    </row>
    <row r="12" spans="1:42" s="76" customFormat="1" ht="13.5" customHeight="1">
      <c r="B12" s="407" t="s">
        <v>5</v>
      </c>
      <c r="C12" s="408"/>
      <c r="D12" s="408"/>
      <c r="E12" s="408"/>
      <c r="F12" s="408"/>
      <c r="G12" s="408"/>
      <c r="H12" s="408"/>
      <c r="I12" s="408"/>
      <c r="J12" s="408"/>
      <c r="K12" s="408"/>
      <c r="L12" s="408"/>
      <c r="M12" s="408"/>
      <c r="N12" s="408"/>
      <c r="O12" s="408"/>
      <c r="P12" s="408"/>
      <c r="Q12" s="408"/>
      <c r="R12" s="408"/>
      <c r="S12" s="408"/>
      <c r="T12" s="94"/>
      <c r="U12" s="94"/>
      <c r="V12" s="94"/>
      <c r="W12" s="94"/>
      <c r="X12" s="94"/>
      <c r="Y12" s="94"/>
      <c r="Z12" s="94"/>
      <c r="AA12" s="95"/>
      <c r="AB12" s="95"/>
      <c r="AC12" s="95"/>
      <c r="AD12" s="95"/>
      <c r="AE12" s="95"/>
      <c r="AF12" s="96"/>
      <c r="AG12" s="96"/>
      <c r="AH12" s="96"/>
      <c r="AI12" s="96"/>
      <c r="AJ12" s="96"/>
      <c r="AK12" s="96"/>
      <c r="AL12" s="97"/>
    </row>
    <row r="13" spans="1:42" s="76" customFormat="1" ht="13.5" customHeight="1">
      <c r="B13" s="409"/>
      <c r="C13" s="408"/>
      <c r="D13" s="408"/>
      <c r="E13" s="408"/>
      <c r="F13" s="408"/>
      <c r="G13" s="408"/>
      <c r="H13" s="408"/>
      <c r="I13" s="408"/>
      <c r="J13" s="408"/>
      <c r="K13" s="408"/>
      <c r="L13" s="408"/>
      <c r="M13" s="408"/>
      <c r="N13" s="408"/>
      <c r="O13" s="408"/>
      <c r="P13" s="408"/>
      <c r="Q13" s="408"/>
      <c r="R13" s="408"/>
      <c r="S13" s="408"/>
      <c r="T13" s="94"/>
      <c r="U13" s="94"/>
      <c r="V13" s="94"/>
      <c r="W13" s="94"/>
      <c r="X13" s="94"/>
      <c r="Y13" s="94"/>
      <c r="Z13" s="94"/>
      <c r="AA13" s="95"/>
      <c r="AB13" s="95"/>
      <c r="AC13" s="95"/>
      <c r="AD13" s="95"/>
      <c r="AE13" s="95"/>
      <c r="AF13" s="96"/>
      <c r="AG13" s="96"/>
      <c r="AH13" s="96"/>
      <c r="AI13" s="96"/>
      <c r="AJ13" s="96"/>
      <c r="AK13" s="96"/>
      <c r="AL13" s="97"/>
    </row>
    <row r="14" spans="1:42" s="76" customFormat="1" ht="13.5" customHeight="1">
      <c r="B14" s="397" t="s">
        <v>6</v>
      </c>
      <c r="C14" s="398"/>
      <c r="D14" s="399" t="s">
        <v>7</v>
      </c>
      <c r="E14" s="399"/>
      <c r="F14" s="399"/>
      <c r="G14" s="399"/>
      <c r="H14" s="399"/>
      <c r="I14" s="399"/>
      <c r="J14" s="399"/>
      <c r="K14" s="399"/>
      <c r="L14" s="396"/>
      <c r="M14" s="400" t="s">
        <v>8</v>
      </c>
      <c r="N14" s="400"/>
      <c r="O14" s="400"/>
      <c r="P14" s="400"/>
      <c r="Q14" s="400"/>
      <c r="R14" s="400"/>
      <c r="S14" s="400"/>
      <c r="T14" s="400"/>
      <c r="U14" s="400"/>
      <c r="V14" s="400"/>
      <c r="W14" s="400"/>
      <c r="X14" s="400"/>
      <c r="Y14" s="400"/>
      <c r="Z14" s="400"/>
      <c r="AA14" s="400"/>
      <c r="AB14" s="400"/>
      <c r="AC14" s="400"/>
      <c r="AD14" s="400"/>
      <c r="AE14" s="400"/>
      <c r="AF14" s="400"/>
      <c r="AG14" s="400"/>
      <c r="AH14" s="400"/>
      <c r="AI14" s="400"/>
      <c r="AJ14" s="400"/>
      <c r="AK14" s="400"/>
      <c r="AL14" s="211"/>
    </row>
    <row r="15" spans="1:42" s="76" customFormat="1" ht="13.5" customHeight="1">
      <c r="B15" s="397"/>
      <c r="C15" s="398"/>
      <c r="D15" s="399"/>
      <c r="E15" s="399"/>
      <c r="F15" s="399"/>
      <c r="G15" s="399"/>
      <c r="H15" s="399"/>
      <c r="I15" s="399"/>
      <c r="J15" s="399"/>
      <c r="K15" s="399"/>
      <c r="L15" s="396"/>
      <c r="M15" s="400"/>
      <c r="N15" s="400"/>
      <c r="O15" s="400"/>
      <c r="P15" s="400"/>
      <c r="Q15" s="400"/>
      <c r="R15" s="400"/>
      <c r="S15" s="400"/>
      <c r="T15" s="400"/>
      <c r="U15" s="400"/>
      <c r="V15" s="400"/>
      <c r="W15" s="400"/>
      <c r="X15" s="400"/>
      <c r="Y15" s="400"/>
      <c r="Z15" s="400"/>
      <c r="AA15" s="400"/>
      <c r="AB15" s="400"/>
      <c r="AC15" s="400"/>
      <c r="AD15" s="400"/>
      <c r="AE15" s="400"/>
      <c r="AF15" s="400"/>
      <c r="AG15" s="400"/>
      <c r="AH15" s="400"/>
      <c r="AI15" s="400"/>
      <c r="AJ15" s="400"/>
      <c r="AK15" s="400"/>
      <c r="AL15" s="211"/>
    </row>
    <row r="16" spans="1:42" s="76" customFormat="1" ht="13.5" customHeight="1">
      <c r="B16" s="98"/>
      <c r="C16" s="96"/>
      <c r="D16" s="96"/>
      <c r="E16" s="96"/>
      <c r="F16" s="96"/>
      <c r="G16" s="96"/>
      <c r="H16" s="96"/>
      <c r="I16" s="96"/>
      <c r="J16" s="96"/>
      <c r="K16" s="96"/>
      <c r="L16" s="96"/>
      <c r="M16" s="403" t="s">
        <v>9</v>
      </c>
      <c r="N16" s="403"/>
      <c r="O16" s="403"/>
      <c r="P16" s="403"/>
      <c r="Q16" s="403"/>
      <c r="R16" s="403"/>
      <c r="S16" s="403"/>
      <c r="T16" s="403"/>
      <c r="U16" s="403"/>
      <c r="V16" s="403"/>
      <c r="W16" s="403"/>
      <c r="X16" s="403"/>
      <c r="Y16" s="403"/>
      <c r="Z16" s="403"/>
      <c r="AA16" s="403"/>
      <c r="AB16" s="403"/>
      <c r="AC16" s="403"/>
      <c r="AD16" s="403"/>
      <c r="AE16" s="403"/>
      <c r="AF16" s="403"/>
      <c r="AG16" s="403"/>
      <c r="AH16" s="403"/>
      <c r="AI16" s="403"/>
      <c r="AJ16" s="403"/>
      <c r="AK16" s="403"/>
      <c r="AL16" s="404"/>
    </row>
    <row r="17" spans="2:38" s="76" customFormat="1" ht="13.5" customHeight="1">
      <c r="B17" s="98"/>
      <c r="C17" s="96"/>
      <c r="D17" s="96"/>
      <c r="E17" s="96"/>
      <c r="F17" s="96"/>
      <c r="G17" s="96"/>
      <c r="H17" s="96"/>
      <c r="I17" s="96"/>
      <c r="J17" s="96"/>
      <c r="K17" s="96"/>
      <c r="L17" s="96"/>
      <c r="M17" s="403"/>
      <c r="N17" s="403"/>
      <c r="O17" s="403"/>
      <c r="P17" s="403"/>
      <c r="Q17" s="403"/>
      <c r="R17" s="403"/>
      <c r="S17" s="403"/>
      <c r="T17" s="403"/>
      <c r="U17" s="403"/>
      <c r="V17" s="403"/>
      <c r="W17" s="403"/>
      <c r="X17" s="403"/>
      <c r="Y17" s="403"/>
      <c r="Z17" s="403"/>
      <c r="AA17" s="403"/>
      <c r="AB17" s="403"/>
      <c r="AC17" s="403"/>
      <c r="AD17" s="403"/>
      <c r="AE17" s="403"/>
      <c r="AF17" s="403"/>
      <c r="AG17" s="403"/>
      <c r="AH17" s="403"/>
      <c r="AI17" s="403"/>
      <c r="AJ17" s="403"/>
      <c r="AK17" s="403"/>
      <c r="AL17" s="404"/>
    </row>
    <row r="18" spans="2:38" s="76" customFormat="1" ht="13.5" customHeight="1">
      <c r="B18" s="98"/>
      <c r="C18" s="96"/>
      <c r="D18" s="96"/>
      <c r="E18" s="96"/>
      <c r="F18" s="96"/>
      <c r="G18" s="96"/>
      <c r="H18" s="96"/>
      <c r="I18" s="96"/>
      <c r="J18" s="96"/>
      <c r="K18" s="96"/>
      <c r="L18" s="96"/>
      <c r="M18" s="96"/>
      <c r="N18" s="96"/>
      <c r="O18" s="96"/>
      <c r="P18" s="96"/>
      <c r="Q18" s="96"/>
      <c r="R18" s="96"/>
      <c r="S18" s="96"/>
      <c r="T18" s="96"/>
      <c r="U18" s="96"/>
      <c r="V18" s="96"/>
      <c r="W18" s="96"/>
      <c r="X18" s="96"/>
      <c r="Y18" s="96"/>
      <c r="Z18" s="96"/>
      <c r="AA18" s="96"/>
      <c r="AB18" s="96"/>
      <c r="AC18" s="96"/>
      <c r="AD18" s="96"/>
      <c r="AE18" s="96"/>
      <c r="AF18" s="96"/>
      <c r="AG18" s="96"/>
      <c r="AH18" s="96"/>
      <c r="AI18" s="96"/>
      <c r="AJ18" s="96"/>
      <c r="AK18" s="96"/>
      <c r="AL18" s="97"/>
    </row>
    <row r="19" spans="2:38" s="76" customFormat="1" ht="13.5" customHeight="1">
      <c r="B19" s="397" t="s">
        <v>6</v>
      </c>
      <c r="C19" s="398"/>
      <c r="D19" s="399" t="s">
        <v>10</v>
      </c>
      <c r="E19" s="399"/>
      <c r="F19" s="399"/>
      <c r="G19" s="399"/>
      <c r="H19" s="399"/>
      <c r="I19" s="399"/>
      <c r="J19" s="399"/>
      <c r="K19" s="399"/>
      <c r="L19" s="396"/>
      <c r="M19" s="401" t="s">
        <v>264</v>
      </c>
      <c r="N19" s="401"/>
      <c r="O19" s="401"/>
      <c r="P19" s="401"/>
      <c r="Q19" s="401"/>
      <c r="R19" s="401"/>
      <c r="S19" s="401"/>
      <c r="T19" s="401"/>
      <c r="U19" s="401"/>
      <c r="V19" s="401"/>
      <c r="W19" s="401"/>
      <c r="X19" s="401"/>
      <c r="Y19" s="401"/>
      <c r="Z19" s="401"/>
      <c r="AA19" s="401"/>
      <c r="AB19" s="401"/>
      <c r="AC19" s="401"/>
      <c r="AD19" s="401"/>
      <c r="AE19" s="401"/>
      <c r="AF19" s="401"/>
      <c r="AG19" s="401"/>
      <c r="AH19" s="401"/>
      <c r="AI19" s="401"/>
      <c r="AJ19" s="401"/>
      <c r="AK19" s="401"/>
      <c r="AL19" s="97"/>
    </row>
    <row r="20" spans="2:38" s="76" customFormat="1" ht="19.5" customHeight="1">
      <c r="B20" s="397"/>
      <c r="C20" s="398"/>
      <c r="D20" s="399"/>
      <c r="E20" s="399"/>
      <c r="F20" s="399"/>
      <c r="G20" s="399"/>
      <c r="H20" s="399"/>
      <c r="I20" s="399"/>
      <c r="J20" s="399"/>
      <c r="K20" s="399"/>
      <c r="L20" s="396"/>
      <c r="M20" s="401"/>
      <c r="N20" s="401"/>
      <c r="O20" s="401"/>
      <c r="P20" s="401"/>
      <c r="Q20" s="401"/>
      <c r="R20" s="401"/>
      <c r="S20" s="401"/>
      <c r="T20" s="401"/>
      <c r="U20" s="401"/>
      <c r="V20" s="401"/>
      <c r="W20" s="401"/>
      <c r="X20" s="401"/>
      <c r="Y20" s="401"/>
      <c r="Z20" s="401"/>
      <c r="AA20" s="401"/>
      <c r="AB20" s="401"/>
      <c r="AC20" s="401"/>
      <c r="AD20" s="401"/>
      <c r="AE20" s="401"/>
      <c r="AF20" s="401"/>
      <c r="AG20" s="401"/>
      <c r="AH20" s="401"/>
      <c r="AI20" s="401"/>
      <c r="AJ20" s="401"/>
      <c r="AK20" s="401"/>
      <c r="AL20" s="97"/>
    </row>
    <row r="21" spans="2:38" s="76" customFormat="1" ht="13.5" customHeight="1">
      <c r="B21" s="98"/>
      <c r="C21" s="96"/>
      <c r="D21" s="96"/>
      <c r="E21" s="96"/>
      <c r="F21" s="96"/>
      <c r="G21" s="96"/>
      <c r="H21" s="96"/>
      <c r="I21" s="96"/>
      <c r="J21" s="96"/>
      <c r="K21" s="96"/>
      <c r="L21" s="96"/>
      <c r="M21" s="402" t="s">
        <v>265</v>
      </c>
      <c r="N21" s="402"/>
      <c r="O21" s="402"/>
      <c r="P21" s="402"/>
      <c r="Q21" s="402"/>
      <c r="R21" s="402"/>
      <c r="S21" s="402"/>
      <c r="T21" s="402"/>
      <c r="U21" s="402"/>
      <c r="V21" s="402"/>
      <c r="W21" s="402"/>
      <c r="X21" s="402"/>
      <c r="Y21" s="402"/>
      <c r="Z21" s="402"/>
      <c r="AA21" s="402"/>
      <c r="AB21" s="402"/>
      <c r="AC21" s="402"/>
      <c r="AD21" s="402"/>
      <c r="AE21" s="402"/>
      <c r="AF21" s="402"/>
      <c r="AG21" s="402"/>
      <c r="AH21" s="402"/>
      <c r="AI21" s="402"/>
      <c r="AJ21" s="402"/>
      <c r="AK21" s="402"/>
      <c r="AL21" s="97"/>
    </row>
    <row r="22" spans="2:38" s="76" customFormat="1" ht="13.5" customHeight="1">
      <c r="B22" s="98"/>
      <c r="C22" s="96"/>
      <c r="D22" s="96"/>
      <c r="E22" s="96"/>
      <c r="F22" s="96"/>
      <c r="G22" s="96"/>
      <c r="H22" s="96"/>
      <c r="I22" s="96"/>
      <c r="J22" s="96"/>
      <c r="K22" s="96"/>
      <c r="L22" s="96"/>
      <c r="M22" s="402"/>
      <c r="N22" s="402"/>
      <c r="O22" s="402"/>
      <c r="P22" s="402"/>
      <c r="Q22" s="402"/>
      <c r="R22" s="402"/>
      <c r="S22" s="402"/>
      <c r="T22" s="402"/>
      <c r="U22" s="402"/>
      <c r="V22" s="402"/>
      <c r="W22" s="402"/>
      <c r="X22" s="402"/>
      <c r="Y22" s="402"/>
      <c r="Z22" s="402"/>
      <c r="AA22" s="402"/>
      <c r="AB22" s="402"/>
      <c r="AC22" s="402"/>
      <c r="AD22" s="402"/>
      <c r="AE22" s="402"/>
      <c r="AF22" s="402"/>
      <c r="AG22" s="402"/>
      <c r="AH22" s="402"/>
      <c r="AI22" s="402"/>
      <c r="AJ22" s="402"/>
      <c r="AK22" s="402"/>
      <c r="AL22" s="97"/>
    </row>
    <row r="23" spans="2:38" s="76" customFormat="1" ht="13.5" customHeight="1">
      <c r="B23" s="397" t="s">
        <v>6</v>
      </c>
      <c r="C23" s="398"/>
      <c r="D23" s="399" t="s">
        <v>11</v>
      </c>
      <c r="E23" s="399"/>
      <c r="F23" s="399"/>
      <c r="G23" s="399"/>
      <c r="H23" s="399"/>
      <c r="I23" s="399"/>
      <c r="J23" s="399"/>
      <c r="K23" s="399"/>
      <c r="L23" s="396"/>
      <c r="M23" s="403" t="s">
        <v>12</v>
      </c>
      <c r="N23" s="403"/>
      <c r="O23" s="403"/>
      <c r="P23" s="403"/>
      <c r="Q23" s="403"/>
      <c r="R23" s="403"/>
      <c r="S23" s="403"/>
      <c r="T23" s="403"/>
      <c r="U23" s="403"/>
      <c r="V23" s="403"/>
      <c r="W23" s="403"/>
      <c r="X23" s="403"/>
      <c r="Y23" s="403"/>
      <c r="Z23" s="403"/>
      <c r="AA23" s="403"/>
      <c r="AB23" s="403"/>
      <c r="AC23" s="403"/>
      <c r="AD23" s="403"/>
      <c r="AE23" s="403"/>
      <c r="AF23" s="403"/>
      <c r="AG23" s="403"/>
      <c r="AH23" s="403"/>
      <c r="AI23" s="403"/>
      <c r="AJ23" s="403"/>
      <c r="AK23" s="403"/>
      <c r="AL23" s="404"/>
    </row>
    <row r="24" spans="2:38" s="76" customFormat="1" ht="13.5" customHeight="1">
      <c r="B24" s="397"/>
      <c r="C24" s="398"/>
      <c r="D24" s="399"/>
      <c r="E24" s="399"/>
      <c r="F24" s="399"/>
      <c r="G24" s="399"/>
      <c r="H24" s="399"/>
      <c r="I24" s="399"/>
      <c r="J24" s="399"/>
      <c r="K24" s="399"/>
      <c r="L24" s="396"/>
      <c r="M24" s="403"/>
      <c r="N24" s="403"/>
      <c r="O24" s="403"/>
      <c r="P24" s="403"/>
      <c r="Q24" s="403"/>
      <c r="R24" s="403"/>
      <c r="S24" s="403"/>
      <c r="T24" s="403"/>
      <c r="U24" s="403"/>
      <c r="V24" s="403"/>
      <c r="W24" s="403"/>
      <c r="X24" s="403"/>
      <c r="Y24" s="403"/>
      <c r="Z24" s="403"/>
      <c r="AA24" s="403"/>
      <c r="AB24" s="403"/>
      <c r="AC24" s="403"/>
      <c r="AD24" s="403"/>
      <c r="AE24" s="403"/>
      <c r="AF24" s="403"/>
      <c r="AG24" s="403"/>
      <c r="AH24" s="403"/>
      <c r="AI24" s="403"/>
      <c r="AJ24" s="403"/>
      <c r="AK24" s="403"/>
      <c r="AL24" s="404"/>
    </row>
    <row r="25" spans="2:38" s="76" customFormat="1" ht="13.5" customHeight="1">
      <c r="B25" s="98"/>
      <c r="C25" s="96"/>
      <c r="D25" s="96"/>
      <c r="E25" s="96"/>
      <c r="F25" s="96"/>
      <c r="G25" s="96"/>
      <c r="H25" s="96"/>
      <c r="I25" s="96"/>
      <c r="J25" s="96"/>
      <c r="K25" s="96"/>
      <c r="L25" s="96"/>
      <c r="M25" s="396" t="s">
        <v>13</v>
      </c>
      <c r="N25" s="396"/>
      <c r="O25" s="396"/>
      <c r="P25" s="396"/>
      <c r="Q25" s="396"/>
      <c r="R25" s="396"/>
      <c r="S25" s="396"/>
      <c r="T25" s="396"/>
      <c r="U25" s="396"/>
      <c r="V25" s="396"/>
      <c r="W25" s="396"/>
      <c r="X25" s="396"/>
      <c r="Y25" s="396"/>
      <c r="Z25" s="396"/>
      <c r="AA25" s="396"/>
      <c r="AB25" s="396"/>
      <c r="AC25" s="396"/>
      <c r="AD25" s="396"/>
      <c r="AE25" s="396"/>
      <c r="AF25" s="396"/>
      <c r="AG25" s="396"/>
      <c r="AH25" s="396"/>
      <c r="AI25" s="396"/>
      <c r="AJ25" s="396"/>
      <c r="AK25" s="396"/>
      <c r="AL25" s="97"/>
    </row>
    <row r="26" spans="2:38" s="76" customFormat="1" ht="13.5" customHeight="1">
      <c r="B26" s="98"/>
      <c r="C26" s="96"/>
      <c r="D26" s="96"/>
      <c r="E26" s="96"/>
      <c r="F26" s="96"/>
      <c r="G26" s="96"/>
      <c r="H26" s="96"/>
      <c r="I26" s="96"/>
      <c r="J26" s="96"/>
      <c r="K26" s="96"/>
      <c r="L26" s="96"/>
      <c r="M26" s="396"/>
      <c r="N26" s="396"/>
      <c r="O26" s="396"/>
      <c r="P26" s="396"/>
      <c r="Q26" s="396"/>
      <c r="R26" s="396"/>
      <c r="S26" s="396"/>
      <c r="T26" s="396"/>
      <c r="U26" s="396"/>
      <c r="V26" s="396"/>
      <c r="W26" s="396"/>
      <c r="X26" s="396"/>
      <c r="Y26" s="396"/>
      <c r="Z26" s="396"/>
      <c r="AA26" s="396"/>
      <c r="AB26" s="396"/>
      <c r="AC26" s="396"/>
      <c r="AD26" s="396"/>
      <c r="AE26" s="396"/>
      <c r="AF26" s="396"/>
      <c r="AG26" s="396"/>
      <c r="AH26" s="396"/>
      <c r="AI26" s="396"/>
      <c r="AJ26" s="396"/>
      <c r="AK26" s="396"/>
      <c r="AL26" s="97"/>
    </row>
    <row r="27" spans="2:38" s="102" customFormat="1" ht="13.5" customHeight="1">
      <c r="B27" s="99"/>
      <c r="C27" s="100"/>
      <c r="D27" s="100"/>
      <c r="E27" s="100"/>
      <c r="F27" s="100"/>
      <c r="G27" s="100"/>
      <c r="H27" s="100"/>
      <c r="I27" s="100"/>
      <c r="J27" s="100"/>
      <c r="K27" s="100"/>
      <c r="L27" s="100"/>
      <c r="M27" s="410" t="s">
        <v>280</v>
      </c>
      <c r="N27" s="410"/>
      <c r="O27" s="410"/>
      <c r="P27" s="410"/>
      <c r="Q27" s="410"/>
      <c r="R27" s="410"/>
      <c r="S27" s="410"/>
      <c r="T27" s="410"/>
      <c r="U27" s="410"/>
      <c r="V27" s="410"/>
      <c r="W27" s="410"/>
      <c r="X27" s="410"/>
      <c r="Y27" s="410"/>
      <c r="Z27" s="410"/>
      <c r="AA27" s="410"/>
      <c r="AB27" s="410"/>
      <c r="AC27" s="410"/>
      <c r="AD27" s="410"/>
      <c r="AE27" s="410"/>
      <c r="AF27" s="410"/>
      <c r="AG27" s="410"/>
      <c r="AH27" s="410"/>
      <c r="AI27" s="410"/>
      <c r="AJ27" s="410"/>
      <c r="AK27" s="410"/>
      <c r="AL27" s="101"/>
    </row>
    <row r="28" spans="2:38" s="102" customFormat="1" ht="13.5" customHeight="1">
      <c r="B28" s="99"/>
      <c r="C28" s="100"/>
      <c r="D28" s="100"/>
      <c r="E28" s="100"/>
      <c r="F28" s="100"/>
      <c r="G28" s="100"/>
      <c r="H28" s="100"/>
      <c r="I28" s="100"/>
      <c r="J28" s="100"/>
      <c r="K28" s="100"/>
      <c r="L28" s="100"/>
      <c r="M28" s="410"/>
      <c r="N28" s="410"/>
      <c r="O28" s="410"/>
      <c r="P28" s="410"/>
      <c r="Q28" s="410"/>
      <c r="R28" s="410"/>
      <c r="S28" s="410"/>
      <c r="T28" s="410"/>
      <c r="U28" s="410"/>
      <c r="V28" s="410"/>
      <c r="W28" s="410"/>
      <c r="X28" s="410"/>
      <c r="Y28" s="410"/>
      <c r="Z28" s="410"/>
      <c r="AA28" s="410"/>
      <c r="AB28" s="410"/>
      <c r="AC28" s="410"/>
      <c r="AD28" s="410"/>
      <c r="AE28" s="410"/>
      <c r="AF28" s="410"/>
      <c r="AG28" s="410"/>
      <c r="AH28" s="410"/>
      <c r="AI28" s="410"/>
      <c r="AJ28" s="410"/>
      <c r="AK28" s="410"/>
      <c r="AL28" s="101"/>
    </row>
    <row r="29" spans="2:38" s="76" customFormat="1" ht="13.5" customHeight="1">
      <c r="B29" s="397" t="s">
        <v>6</v>
      </c>
      <c r="C29" s="398"/>
      <c r="D29" s="399" t="s">
        <v>14</v>
      </c>
      <c r="E29" s="399"/>
      <c r="F29" s="399"/>
      <c r="G29" s="399"/>
      <c r="H29" s="399"/>
      <c r="I29" s="399"/>
      <c r="J29" s="399"/>
      <c r="K29" s="399"/>
      <c r="L29" s="396"/>
      <c r="M29" s="400" t="s">
        <v>15</v>
      </c>
      <c r="N29" s="400"/>
      <c r="O29" s="400"/>
      <c r="P29" s="400"/>
      <c r="Q29" s="400"/>
      <c r="R29" s="400"/>
      <c r="S29" s="400"/>
      <c r="T29" s="400"/>
      <c r="U29" s="400"/>
      <c r="V29" s="400"/>
      <c r="W29" s="400"/>
      <c r="X29" s="400"/>
      <c r="Y29" s="400"/>
      <c r="Z29" s="400"/>
      <c r="AA29" s="400"/>
      <c r="AB29" s="400"/>
      <c r="AC29" s="400"/>
      <c r="AD29" s="400"/>
      <c r="AE29" s="400"/>
      <c r="AF29" s="400"/>
      <c r="AG29" s="400"/>
      <c r="AH29" s="400"/>
      <c r="AI29" s="400"/>
      <c r="AJ29" s="400"/>
      <c r="AK29" s="400"/>
      <c r="AL29" s="211"/>
    </row>
    <row r="30" spans="2:38" s="76" customFormat="1" ht="13.5" customHeight="1">
      <c r="B30" s="397"/>
      <c r="C30" s="398"/>
      <c r="D30" s="399"/>
      <c r="E30" s="399"/>
      <c r="F30" s="399"/>
      <c r="G30" s="399"/>
      <c r="H30" s="399"/>
      <c r="I30" s="399"/>
      <c r="J30" s="399"/>
      <c r="K30" s="399"/>
      <c r="L30" s="396"/>
      <c r="M30" s="400"/>
      <c r="N30" s="400"/>
      <c r="O30" s="400"/>
      <c r="P30" s="400"/>
      <c r="Q30" s="400"/>
      <c r="R30" s="400"/>
      <c r="S30" s="400"/>
      <c r="T30" s="400"/>
      <c r="U30" s="400"/>
      <c r="V30" s="400"/>
      <c r="W30" s="400"/>
      <c r="X30" s="400"/>
      <c r="Y30" s="400"/>
      <c r="Z30" s="400"/>
      <c r="AA30" s="400"/>
      <c r="AB30" s="400"/>
      <c r="AC30" s="400"/>
      <c r="AD30" s="400"/>
      <c r="AE30" s="400"/>
      <c r="AF30" s="400"/>
      <c r="AG30" s="400"/>
      <c r="AH30" s="400"/>
      <c r="AI30" s="400"/>
      <c r="AJ30" s="400"/>
      <c r="AK30" s="400"/>
      <c r="AL30" s="211"/>
    </row>
    <row r="31" spans="2:38" s="76" customFormat="1" ht="13.5" customHeight="1">
      <c r="B31" s="98"/>
      <c r="C31" s="96"/>
      <c r="D31" s="96"/>
      <c r="E31" s="96"/>
      <c r="F31" s="96"/>
      <c r="G31" s="96"/>
      <c r="H31" s="96"/>
      <c r="I31" s="96"/>
      <c r="J31" s="96"/>
      <c r="K31" s="96"/>
      <c r="L31" s="96"/>
      <c r="M31" s="405" t="s">
        <v>16</v>
      </c>
      <c r="N31" s="405"/>
      <c r="O31" s="405"/>
      <c r="P31" s="405"/>
      <c r="Q31" s="405"/>
      <c r="R31" s="405"/>
      <c r="S31" s="405"/>
      <c r="T31" s="405"/>
      <c r="U31" s="405"/>
      <c r="V31" s="405"/>
      <c r="W31" s="405"/>
      <c r="X31" s="405"/>
      <c r="Y31" s="405"/>
      <c r="Z31" s="405"/>
      <c r="AA31" s="405"/>
      <c r="AB31" s="405"/>
      <c r="AC31" s="405"/>
      <c r="AD31" s="405"/>
      <c r="AE31" s="405"/>
      <c r="AF31" s="405"/>
      <c r="AG31" s="405"/>
      <c r="AH31" s="405"/>
      <c r="AI31" s="405"/>
      <c r="AJ31" s="405"/>
      <c r="AK31" s="405"/>
      <c r="AL31" s="406"/>
    </row>
    <row r="32" spans="2:38" s="76" customFormat="1" ht="13.5" customHeight="1">
      <c r="B32" s="98"/>
      <c r="C32" s="96"/>
      <c r="D32" s="96"/>
      <c r="E32" s="96"/>
      <c r="F32" s="96"/>
      <c r="G32" s="96"/>
      <c r="H32" s="96"/>
      <c r="I32" s="96"/>
      <c r="J32" s="96"/>
      <c r="K32" s="96"/>
      <c r="L32" s="96"/>
      <c r="M32" s="405"/>
      <c r="N32" s="405"/>
      <c r="O32" s="405"/>
      <c r="P32" s="405"/>
      <c r="Q32" s="405"/>
      <c r="R32" s="405"/>
      <c r="S32" s="405"/>
      <c r="T32" s="405"/>
      <c r="U32" s="405"/>
      <c r="V32" s="405"/>
      <c r="W32" s="405"/>
      <c r="X32" s="405"/>
      <c r="Y32" s="405"/>
      <c r="Z32" s="405"/>
      <c r="AA32" s="405"/>
      <c r="AB32" s="405"/>
      <c r="AC32" s="405"/>
      <c r="AD32" s="405"/>
      <c r="AE32" s="405"/>
      <c r="AF32" s="405"/>
      <c r="AG32" s="405"/>
      <c r="AH32" s="405"/>
      <c r="AI32" s="405"/>
      <c r="AJ32" s="405"/>
      <c r="AK32" s="405"/>
      <c r="AL32" s="406"/>
    </row>
    <row r="33" spans="2:38" s="76" customFormat="1" ht="13.5" customHeight="1">
      <c r="B33" s="98"/>
      <c r="C33" s="96"/>
      <c r="D33" s="96"/>
      <c r="E33" s="96"/>
      <c r="F33" s="96"/>
      <c r="G33" s="96"/>
      <c r="H33" s="96"/>
      <c r="I33" s="96"/>
      <c r="J33" s="96"/>
      <c r="K33" s="96"/>
      <c r="L33" s="96"/>
      <c r="M33" s="400" t="s">
        <v>17</v>
      </c>
      <c r="N33" s="400"/>
      <c r="O33" s="400"/>
      <c r="P33" s="400"/>
      <c r="Q33" s="400"/>
      <c r="R33" s="400"/>
      <c r="S33" s="400"/>
      <c r="T33" s="400"/>
      <c r="U33" s="400"/>
      <c r="V33" s="400"/>
      <c r="W33" s="400"/>
      <c r="X33" s="400"/>
      <c r="Y33" s="400"/>
      <c r="Z33" s="400"/>
      <c r="AA33" s="400"/>
      <c r="AB33" s="400"/>
      <c r="AC33" s="400"/>
      <c r="AD33" s="400"/>
      <c r="AE33" s="400"/>
      <c r="AF33" s="400"/>
      <c r="AG33" s="400"/>
      <c r="AH33" s="400"/>
      <c r="AI33" s="400"/>
      <c r="AJ33" s="400"/>
      <c r="AK33" s="400"/>
      <c r="AL33" s="211"/>
    </row>
    <row r="34" spans="2:38" s="76" customFormat="1" ht="13.5" customHeight="1">
      <c r="B34" s="98"/>
      <c r="C34" s="96"/>
      <c r="D34" s="96"/>
      <c r="E34" s="96"/>
      <c r="F34" s="96"/>
      <c r="G34" s="96"/>
      <c r="H34" s="96"/>
      <c r="I34" s="96"/>
      <c r="J34" s="96"/>
      <c r="K34" s="96"/>
      <c r="L34" s="96"/>
      <c r="M34" s="400"/>
      <c r="N34" s="400"/>
      <c r="O34" s="400"/>
      <c r="P34" s="400"/>
      <c r="Q34" s="400"/>
      <c r="R34" s="400"/>
      <c r="S34" s="400"/>
      <c r="T34" s="400"/>
      <c r="U34" s="400"/>
      <c r="V34" s="400"/>
      <c r="W34" s="400"/>
      <c r="X34" s="400"/>
      <c r="Y34" s="400"/>
      <c r="Z34" s="400"/>
      <c r="AA34" s="400"/>
      <c r="AB34" s="400"/>
      <c r="AC34" s="400"/>
      <c r="AD34" s="400"/>
      <c r="AE34" s="400"/>
      <c r="AF34" s="400"/>
      <c r="AG34" s="400"/>
      <c r="AH34" s="400"/>
      <c r="AI34" s="400"/>
      <c r="AJ34" s="400"/>
      <c r="AK34" s="400"/>
      <c r="AL34" s="211"/>
    </row>
    <row r="35" spans="2:38" s="76" customFormat="1" ht="13.5" customHeight="1">
      <c r="B35" s="397" t="s">
        <v>6</v>
      </c>
      <c r="C35" s="398"/>
      <c r="D35" s="400" t="s">
        <v>18</v>
      </c>
      <c r="E35" s="400"/>
      <c r="F35" s="400"/>
      <c r="G35" s="400"/>
      <c r="H35" s="400"/>
      <c r="I35" s="400"/>
      <c r="J35" s="400"/>
      <c r="K35" s="400"/>
      <c r="L35" s="400"/>
      <c r="M35" s="400" t="s">
        <v>19</v>
      </c>
      <c r="N35" s="400"/>
      <c r="O35" s="400"/>
      <c r="P35" s="400"/>
      <c r="Q35" s="400"/>
      <c r="R35" s="400"/>
      <c r="S35" s="400"/>
      <c r="T35" s="400"/>
      <c r="U35" s="400"/>
      <c r="V35" s="400"/>
      <c r="W35" s="400"/>
      <c r="X35" s="400"/>
      <c r="Y35" s="400"/>
      <c r="Z35" s="400"/>
      <c r="AA35" s="400"/>
      <c r="AB35" s="400"/>
      <c r="AC35" s="400"/>
      <c r="AD35" s="400"/>
      <c r="AE35" s="400"/>
      <c r="AF35" s="400"/>
      <c r="AG35" s="400"/>
      <c r="AH35" s="400"/>
      <c r="AI35" s="400"/>
      <c r="AJ35" s="400"/>
      <c r="AK35" s="400"/>
      <c r="AL35" s="97"/>
    </row>
    <row r="36" spans="2:38" s="76" customFormat="1" ht="13.5" customHeight="1">
      <c r="B36" s="397"/>
      <c r="C36" s="398"/>
      <c r="D36" s="400"/>
      <c r="E36" s="400"/>
      <c r="F36" s="400"/>
      <c r="G36" s="400"/>
      <c r="H36" s="400"/>
      <c r="I36" s="400"/>
      <c r="J36" s="400"/>
      <c r="K36" s="400"/>
      <c r="L36" s="400"/>
      <c r="M36" s="400"/>
      <c r="N36" s="400"/>
      <c r="O36" s="400"/>
      <c r="P36" s="400"/>
      <c r="Q36" s="400"/>
      <c r="R36" s="400"/>
      <c r="S36" s="400"/>
      <c r="T36" s="400"/>
      <c r="U36" s="400"/>
      <c r="V36" s="400"/>
      <c r="W36" s="400"/>
      <c r="X36" s="400"/>
      <c r="Y36" s="400"/>
      <c r="Z36" s="400"/>
      <c r="AA36" s="400"/>
      <c r="AB36" s="400"/>
      <c r="AC36" s="400"/>
      <c r="AD36" s="400"/>
      <c r="AE36" s="400"/>
      <c r="AF36" s="400"/>
      <c r="AG36" s="400"/>
      <c r="AH36" s="400"/>
      <c r="AI36" s="400"/>
      <c r="AJ36" s="400"/>
      <c r="AK36" s="400"/>
      <c r="AL36" s="97"/>
    </row>
    <row r="37" spans="2:38" s="76" customFormat="1" ht="13.5" customHeight="1">
      <c r="B37" s="98"/>
      <c r="C37" s="96"/>
      <c r="D37" s="96"/>
      <c r="E37" s="96"/>
      <c r="F37" s="96"/>
      <c r="G37" s="96"/>
      <c r="H37" s="96"/>
      <c r="I37" s="96"/>
      <c r="J37" s="96"/>
      <c r="K37" s="96"/>
      <c r="L37" s="96"/>
      <c r="M37" s="400" t="s">
        <v>20</v>
      </c>
      <c r="N37" s="400"/>
      <c r="O37" s="400"/>
      <c r="P37" s="400"/>
      <c r="Q37" s="400"/>
      <c r="R37" s="400"/>
      <c r="S37" s="400"/>
      <c r="T37" s="400"/>
      <c r="U37" s="400"/>
      <c r="V37" s="400"/>
      <c r="W37" s="400"/>
      <c r="X37" s="400"/>
      <c r="Y37" s="400"/>
      <c r="Z37" s="400"/>
      <c r="AA37" s="400"/>
      <c r="AB37" s="400"/>
      <c r="AC37" s="400"/>
      <c r="AD37" s="400"/>
      <c r="AE37" s="400"/>
      <c r="AF37" s="400"/>
      <c r="AG37" s="400"/>
      <c r="AH37" s="400"/>
      <c r="AI37" s="400"/>
      <c r="AJ37" s="400"/>
      <c r="AK37" s="400"/>
      <c r="AL37" s="97"/>
    </row>
    <row r="38" spans="2:38" s="76" customFormat="1" ht="13.5" customHeight="1">
      <c r="B38" s="98"/>
      <c r="C38" s="96"/>
      <c r="D38" s="96"/>
      <c r="E38" s="96"/>
      <c r="F38" s="96"/>
      <c r="G38" s="96"/>
      <c r="H38" s="96"/>
      <c r="I38" s="96"/>
      <c r="J38" s="96"/>
      <c r="K38" s="96"/>
      <c r="L38" s="96"/>
      <c r="M38" s="400"/>
      <c r="N38" s="400"/>
      <c r="O38" s="400"/>
      <c r="P38" s="400"/>
      <c r="Q38" s="400"/>
      <c r="R38" s="400"/>
      <c r="S38" s="400"/>
      <c r="T38" s="400"/>
      <c r="U38" s="400"/>
      <c r="V38" s="400"/>
      <c r="W38" s="400"/>
      <c r="X38" s="400"/>
      <c r="Y38" s="400"/>
      <c r="Z38" s="400"/>
      <c r="AA38" s="400"/>
      <c r="AB38" s="400"/>
      <c r="AC38" s="400"/>
      <c r="AD38" s="400"/>
      <c r="AE38" s="400"/>
      <c r="AF38" s="400"/>
      <c r="AG38" s="400"/>
      <c r="AH38" s="400"/>
      <c r="AI38" s="400"/>
      <c r="AJ38" s="400"/>
      <c r="AK38" s="400"/>
      <c r="AL38" s="97"/>
    </row>
    <row r="39" spans="2:38" s="76" customFormat="1" ht="13.5" customHeight="1" thickBot="1">
      <c r="B39" s="103"/>
      <c r="C39" s="104"/>
      <c r="D39" s="104"/>
      <c r="E39" s="104"/>
      <c r="F39" s="104"/>
      <c r="G39" s="104"/>
      <c r="H39" s="104"/>
      <c r="I39" s="104"/>
      <c r="J39" s="104"/>
      <c r="K39" s="104"/>
      <c r="L39" s="104"/>
      <c r="M39" s="104"/>
      <c r="N39" s="104"/>
      <c r="O39" s="104"/>
      <c r="P39" s="104"/>
      <c r="Q39" s="104"/>
      <c r="R39" s="104"/>
      <c r="S39" s="104"/>
      <c r="T39" s="104"/>
      <c r="U39" s="104"/>
      <c r="V39" s="104"/>
      <c r="W39" s="104"/>
      <c r="X39" s="104"/>
      <c r="Y39" s="104"/>
      <c r="Z39" s="104"/>
      <c r="AA39" s="104"/>
      <c r="AB39" s="104"/>
      <c r="AC39" s="104"/>
      <c r="AD39" s="104"/>
      <c r="AE39" s="104"/>
      <c r="AF39" s="104"/>
      <c r="AG39" s="104"/>
      <c r="AH39" s="104"/>
      <c r="AI39" s="104"/>
      <c r="AJ39" s="104"/>
      <c r="AK39" s="104"/>
      <c r="AL39" s="105"/>
    </row>
    <row r="40" spans="2:38" s="76" customFormat="1" ht="13.5" customHeight="1"/>
    <row r="41" spans="2:38" s="76" customFormat="1" ht="13">
      <c r="C41" s="335" t="s">
        <v>213</v>
      </c>
      <c r="D41" s="336"/>
      <c r="E41" s="337"/>
      <c r="F41" s="341"/>
      <c r="G41" s="342"/>
      <c r="H41" s="342"/>
      <c r="I41" s="336"/>
      <c r="J41" s="336"/>
      <c r="K41" s="336" t="s">
        <v>22</v>
      </c>
      <c r="L41" s="336"/>
      <c r="M41" s="336"/>
      <c r="N41" s="336"/>
      <c r="O41" s="336" t="s">
        <v>23</v>
      </c>
      <c r="P41" s="336"/>
      <c r="Q41" s="336"/>
      <c r="R41" s="336"/>
      <c r="S41" s="336" t="s">
        <v>24</v>
      </c>
      <c r="T41" s="337"/>
      <c r="U41" s="106"/>
      <c r="V41" s="107"/>
      <c r="W41" s="108"/>
      <c r="X41" s="108"/>
      <c r="Y41" s="108"/>
      <c r="Z41" s="108"/>
      <c r="AA41" s="108"/>
      <c r="AB41" s="108"/>
      <c r="AC41" s="108"/>
      <c r="AD41" s="108"/>
      <c r="AE41" s="108"/>
      <c r="AF41" s="108"/>
      <c r="AG41" s="108"/>
      <c r="AH41" s="108"/>
      <c r="AI41" s="108"/>
      <c r="AJ41" s="108"/>
      <c r="AK41" s="108"/>
      <c r="AL41" s="108"/>
    </row>
    <row r="42" spans="2:38" s="76" customFormat="1" ht="13">
      <c r="C42" s="338"/>
      <c r="D42" s="339"/>
      <c r="E42" s="340"/>
      <c r="F42" s="343"/>
      <c r="G42" s="344"/>
      <c r="H42" s="344"/>
      <c r="I42" s="339"/>
      <c r="J42" s="339"/>
      <c r="K42" s="339"/>
      <c r="L42" s="339"/>
      <c r="M42" s="339"/>
      <c r="N42" s="339"/>
      <c r="O42" s="339"/>
      <c r="P42" s="339"/>
      <c r="Q42" s="339"/>
      <c r="R42" s="339"/>
      <c r="S42" s="339"/>
      <c r="T42" s="340"/>
      <c r="U42" s="109"/>
      <c r="V42" s="108"/>
      <c r="W42" s="108"/>
      <c r="X42" s="108"/>
      <c r="Y42" s="108"/>
      <c r="Z42" s="108"/>
      <c r="AA42" s="108"/>
      <c r="AB42" s="108"/>
      <c r="AC42" s="108"/>
      <c r="AD42" s="108"/>
      <c r="AE42" s="108"/>
      <c r="AF42" s="108"/>
      <c r="AG42" s="108"/>
      <c r="AH42" s="108"/>
      <c r="AI42" s="108"/>
      <c r="AJ42" s="108"/>
      <c r="AK42" s="108"/>
      <c r="AL42" s="108"/>
    </row>
    <row r="43" spans="2:38" s="76" customFormat="1" ht="13.5" customHeight="1">
      <c r="C43" s="335" t="s">
        <v>21</v>
      </c>
      <c r="D43" s="336"/>
      <c r="E43" s="337"/>
      <c r="F43" s="341"/>
      <c r="G43" s="342"/>
      <c r="H43" s="342"/>
      <c r="I43" s="336"/>
      <c r="J43" s="336"/>
      <c r="K43" s="336" t="s">
        <v>22</v>
      </c>
      <c r="L43" s="336"/>
      <c r="M43" s="336"/>
      <c r="N43" s="336"/>
      <c r="O43" s="336" t="s">
        <v>23</v>
      </c>
      <c r="P43" s="336"/>
      <c r="Q43" s="336"/>
      <c r="R43" s="336"/>
      <c r="S43" s="336" t="s">
        <v>24</v>
      </c>
      <c r="T43" s="337"/>
      <c r="U43" s="368" t="s">
        <v>25</v>
      </c>
      <c r="V43" s="369"/>
      <c r="W43" s="375" t="s">
        <v>266</v>
      </c>
      <c r="X43" s="375"/>
      <c r="Y43" s="375"/>
      <c r="Z43" s="375"/>
      <c r="AA43" s="375"/>
      <c r="AB43" s="375"/>
      <c r="AC43" s="375"/>
      <c r="AD43" s="375"/>
      <c r="AE43" s="375"/>
      <c r="AF43" s="375"/>
      <c r="AG43" s="375"/>
      <c r="AH43" s="375"/>
      <c r="AI43" s="375"/>
      <c r="AJ43" s="375"/>
      <c r="AK43" s="375"/>
      <c r="AL43" s="375"/>
    </row>
    <row r="44" spans="2:38" s="76" customFormat="1" ht="13.5" customHeight="1">
      <c r="C44" s="338"/>
      <c r="D44" s="339"/>
      <c r="E44" s="340"/>
      <c r="F44" s="343"/>
      <c r="G44" s="344"/>
      <c r="H44" s="344"/>
      <c r="I44" s="339"/>
      <c r="J44" s="339"/>
      <c r="K44" s="339"/>
      <c r="L44" s="339"/>
      <c r="M44" s="339"/>
      <c r="N44" s="339"/>
      <c r="O44" s="339"/>
      <c r="P44" s="339"/>
      <c r="Q44" s="339"/>
      <c r="R44" s="339"/>
      <c r="S44" s="339"/>
      <c r="T44" s="340"/>
      <c r="U44" s="109"/>
      <c r="V44" s="108"/>
      <c r="W44" s="375"/>
      <c r="X44" s="375"/>
      <c r="Y44" s="375"/>
      <c r="Z44" s="375"/>
      <c r="AA44" s="375"/>
      <c r="AB44" s="375"/>
      <c r="AC44" s="375"/>
      <c r="AD44" s="375"/>
      <c r="AE44" s="375"/>
      <c r="AF44" s="375"/>
      <c r="AG44" s="375"/>
      <c r="AH44" s="375"/>
      <c r="AI44" s="375"/>
      <c r="AJ44" s="375"/>
      <c r="AK44" s="375"/>
      <c r="AL44" s="375"/>
    </row>
    <row r="45" spans="2:38" s="76" customFormat="1" ht="13.5" customHeight="1">
      <c r="W45" s="376"/>
      <c r="X45" s="376"/>
      <c r="Y45" s="376"/>
      <c r="Z45" s="376"/>
      <c r="AA45" s="376"/>
      <c r="AB45" s="376"/>
      <c r="AC45" s="376"/>
      <c r="AD45" s="376"/>
      <c r="AE45" s="376"/>
      <c r="AF45" s="376"/>
      <c r="AG45" s="376"/>
      <c r="AH45" s="376"/>
      <c r="AI45" s="376"/>
      <c r="AJ45" s="376"/>
      <c r="AK45" s="376"/>
      <c r="AL45" s="376"/>
    </row>
    <row r="46" spans="2:38" s="76" customFormat="1" ht="13.5" customHeight="1">
      <c r="C46" s="335" t="s">
        <v>26</v>
      </c>
      <c r="D46" s="336"/>
      <c r="E46" s="337"/>
      <c r="F46" s="110"/>
      <c r="G46" s="336" t="s">
        <v>27</v>
      </c>
      <c r="H46" s="336"/>
      <c r="I46" s="336"/>
      <c r="J46" s="111"/>
      <c r="K46" s="377"/>
      <c r="L46" s="377"/>
      <c r="M46" s="377"/>
      <c r="N46" s="377"/>
      <c r="O46" s="377"/>
      <c r="P46" s="377"/>
      <c r="Q46" s="377"/>
      <c r="R46" s="377"/>
      <c r="S46" s="377"/>
      <c r="T46" s="377"/>
      <c r="U46" s="377"/>
      <c r="V46" s="377"/>
      <c r="W46" s="377"/>
      <c r="X46" s="377"/>
      <c r="Y46" s="377"/>
      <c r="Z46" s="378"/>
      <c r="AA46" s="368" t="s">
        <v>28</v>
      </c>
      <c r="AB46" s="369"/>
      <c r="AC46" s="370" t="s">
        <v>29</v>
      </c>
      <c r="AD46" s="370"/>
      <c r="AE46" s="370"/>
      <c r="AF46" s="370"/>
      <c r="AG46" s="370"/>
      <c r="AH46" s="370"/>
      <c r="AI46" s="370"/>
      <c r="AJ46" s="370"/>
      <c r="AK46" s="370"/>
      <c r="AL46" s="370"/>
    </row>
    <row r="47" spans="2:38" s="76" customFormat="1" ht="13.5" customHeight="1">
      <c r="C47" s="338"/>
      <c r="D47" s="339"/>
      <c r="E47" s="340"/>
      <c r="F47" s="112"/>
      <c r="G47" s="339"/>
      <c r="H47" s="339"/>
      <c r="I47" s="339"/>
      <c r="J47" s="113"/>
      <c r="K47" s="358"/>
      <c r="L47" s="358"/>
      <c r="M47" s="358"/>
      <c r="N47" s="358"/>
      <c r="O47" s="358"/>
      <c r="P47" s="358"/>
      <c r="Q47" s="358"/>
      <c r="R47" s="358"/>
      <c r="S47" s="358"/>
      <c r="T47" s="358"/>
      <c r="U47" s="358"/>
      <c r="V47" s="358"/>
      <c r="W47" s="358"/>
      <c r="X47" s="358"/>
      <c r="Y47" s="358"/>
      <c r="Z47" s="359"/>
      <c r="AA47" s="109"/>
      <c r="AB47" s="108"/>
      <c r="AC47" s="370"/>
      <c r="AD47" s="370"/>
      <c r="AE47" s="370"/>
      <c r="AF47" s="370"/>
      <c r="AG47" s="370"/>
      <c r="AH47" s="370"/>
      <c r="AI47" s="370"/>
      <c r="AJ47" s="370"/>
      <c r="AK47" s="370"/>
      <c r="AL47" s="370"/>
    </row>
    <row r="48" spans="2:38" s="76" customFormat="1" ht="13.5" customHeight="1"/>
    <row r="49" spans="1:38" s="76" customFormat="1" ht="13.5" customHeight="1">
      <c r="C49" s="355" t="s">
        <v>30</v>
      </c>
      <c r="D49" s="355"/>
      <c r="E49" s="355"/>
      <c r="F49" s="355"/>
      <c r="G49" s="355"/>
      <c r="H49" s="355"/>
      <c r="I49" s="355"/>
      <c r="J49" s="355"/>
    </row>
    <row r="50" spans="1:38" s="76" customFormat="1" ht="13.5" customHeight="1">
      <c r="C50" s="358"/>
      <c r="D50" s="358"/>
      <c r="E50" s="358"/>
      <c r="F50" s="358"/>
      <c r="G50" s="358"/>
      <c r="H50" s="358"/>
      <c r="I50" s="358"/>
      <c r="J50" s="358"/>
    </row>
    <row r="51" spans="1:38" s="76" customFormat="1" ht="13.5" customHeight="1">
      <c r="C51" s="335" t="s">
        <v>31</v>
      </c>
      <c r="D51" s="336"/>
      <c r="E51" s="336"/>
      <c r="F51" s="336"/>
      <c r="G51" s="336"/>
      <c r="H51" s="336"/>
      <c r="I51" s="337"/>
      <c r="J51" s="411">
        <v>1</v>
      </c>
      <c r="K51" s="411"/>
      <c r="L51" s="411">
        <v>4</v>
      </c>
      <c r="M51" s="411"/>
      <c r="N51" s="411"/>
      <c r="O51" s="411"/>
      <c r="P51" s="411"/>
      <c r="Q51" s="411"/>
      <c r="R51" s="411"/>
      <c r="S51" s="411"/>
      <c r="T51" s="411"/>
      <c r="U51" s="411"/>
      <c r="V51" s="411"/>
      <c r="W51" s="411"/>
      <c r="X51" s="411"/>
      <c r="Y51" s="411"/>
      <c r="Z51" s="411"/>
      <c r="AA51" s="411"/>
      <c r="AB51" s="411"/>
      <c r="AC51" s="411"/>
      <c r="AD51" s="114"/>
      <c r="AE51" s="115"/>
    </row>
    <row r="52" spans="1:38" s="76" customFormat="1" ht="13.5" customHeight="1">
      <c r="C52" s="338"/>
      <c r="D52" s="339"/>
      <c r="E52" s="339"/>
      <c r="F52" s="339"/>
      <c r="G52" s="339"/>
      <c r="H52" s="339"/>
      <c r="I52" s="340"/>
      <c r="J52" s="412"/>
      <c r="K52" s="412"/>
      <c r="L52" s="412"/>
      <c r="M52" s="412"/>
      <c r="N52" s="412"/>
      <c r="O52" s="412"/>
      <c r="P52" s="412"/>
      <c r="Q52" s="412"/>
      <c r="R52" s="412"/>
      <c r="S52" s="412"/>
      <c r="T52" s="412"/>
      <c r="U52" s="412"/>
      <c r="V52" s="412"/>
      <c r="W52" s="412"/>
      <c r="X52" s="412"/>
      <c r="Y52" s="412"/>
      <c r="Z52" s="412"/>
      <c r="AA52" s="412"/>
      <c r="AB52" s="412"/>
      <c r="AC52" s="412"/>
      <c r="AD52" s="116"/>
      <c r="AE52" s="117"/>
    </row>
    <row r="53" spans="1:38" s="76" customFormat="1" ht="13.5" customHeight="1">
      <c r="C53" s="335" t="s">
        <v>32</v>
      </c>
      <c r="D53" s="302"/>
      <c r="E53" s="302"/>
      <c r="F53" s="302"/>
      <c r="G53" s="302"/>
      <c r="H53" s="302"/>
      <c r="I53" s="267"/>
      <c r="J53" s="349" t="s">
        <v>33</v>
      </c>
      <c r="K53" s="350"/>
      <c r="L53" s="350"/>
      <c r="M53" s="350"/>
      <c r="N53" s="350"/>
      <c r="O53" s="118"/>
      <c r="P53" s="118"/>
      <c r="Q53" s="118"/>
      <c r="R53" s="118"/>
      <c r="S53" s="118"/>
      <c r="T53" s="118"/>
      <c r="U53" s="118"/>
      <c r="V53" s="118"/>
      <c r="W53" s="118"/>
      <c r="X53" s="118"/>
      <c r="Y53" s="118"/>
      <c r="Z53" s="118"/>
      <c r="AA53" s="118"/>
      <c r="AB53" s="118"/>
      <c r="AC53" s="118"/>
      <c r="AD53" s="119"/>
      <c r="AE53" s="119"/>
      <c r="AF53" s="118"/>
      <c r="AG53" s="118"/>
      <c r="AH53" s="118"/>
      <c r="AI53" s="118"/>
      <c r="AJ53" s="118"/>
      <c r="AK53" s="118"/>
      <c r="AL53" s="120"/>
    </row>
    <row r="54" spans="1:38" s="76" customFormat="1" ht="13.5" customHeight="1">
      <c r="C54" s="345"/>
      <c r="D54" s="346"/>
      <c r="E54" s="346"/>
      <c r="F54" s="347"/>
      <c r="G54" s="347"/>
      <c r="H54" s="347"/>
      <c r="I54" s="348"/>
      <c r="J54" s="351"/>
      <c r="K54" s="352"/>
      <c r="L54" s="352"/>
      <c r="M54" s="352"/>
      <c r="N54" s="352"/>
      <c r="O54" s="352"/>
      <c r="P54" s="352"/>
      <c r="Q54" s="352"/>
      <c r="R54" s="352"/>
      <c r="S54" s="352"/>
      <c r="T54" s="352"/>
      <c r="U54" s="352"/>
      <c r="V54" s="352"/>
      <c r="W54" s="352"/>
      <c r="X54" s="352"/>
      <c r="Y54" s="352"/>
      <c r="Z54" s="352"/>
      <c r="AA54" s="352"/>
      <c r="AB54" s="352"/>
      <c r="AC54" s="352"/>
      <c r="AD54" s="352"/>
      <c r="AE54" s="352"/>
      <c r="AF54" s="352"/>
      <c r="AG54" s="352"/>
      <c r="AH54" s="352"/>
      <c r="AI54" s="352"/>
      <c r="AJ54" s="352"/>
      <c r="AK54" s="352"/>
      <c r="AL54" s="353"/>
    </row>
    <row r="55" spans="1:38" s="76" customFormat="1" ht="13.5" customHeight="1">
      <c r="C55" s="345"/>
      <c r="D55" s="346"/>
      <c r="E55" s="346"/>
      <c r="F55" s="347"/>
      <c r="G55" s="347"/>
      <c r="H55" s="347"/>
      <c r="I55" s="348"/>
      <c r="J55" s="354"/>
      <c r="K55" s="355"/>
      <c r="L55" s="355"/>
      <c r="M55" s="355"/>
      <c r="N55" s="355"/>
      <c r="O55" s="355"/>
      <c r="P55" s="355"/>
      <c r="Q55" s="355"/>
      <c r="R55" s="355"/>
      <c r="S55" s="355"/>
      <c r="T55" s="355"/>
      <c r="U55" s="355"/>
      <c r="V55" s="355"/>
      <c r="W55" s="355"/>
      <c r="X55" s="355"/>
      <c r="Y55" s="355"/>
      <c r="Z55" s="355"/>
      <c r="AA55" s="355"/>
      <c r="AB55" s="355"/>
      <c r="AC55" s="355"/>
      <c r="AD55" s="355"/>
      <c r="AE55" s="355"/>
      <c r="AF55" s="355"/>
      <c r="AG55" s="355"/>
      <c r="AH55" s="355"/>
      <c r="AI55" s="355"/>
      <c r="AJ55" s="355"/>
      <c r="AK55" s="355"/>
      <c r="AL55" s="356"/>
    </row>
    <row r="56" spans="1:38" s="76" customFormat="1" ht="13.5" customHeight="1">
      <c r="C56" s="268"/>
      <c r="D56" s="303"/>
      <c r="E56" s="303"/>
      <c r="F56" s="303"/>
      <c r="G56" s="303"/>
      <c r="H56" s="303"/>
      <c r="I56" s="269"/>
      <c r="J56" s="357"/>
      <c r="K56" s="358"/>
      <c r="L56" s="358"/>
      <c r="M56" s="358"/>
      <c r="N56" s="358"/>
      <c r="O56" s="358"/>
      <c r="P56" s="358"/>
      <c r="Q56" s="358"/>
      <c r="R56" s="358"/>
      <c r="S56" s="358"/>
      <c r="T56" s="358"/>
      <c r="U56" s="358"/>
      <c r="V56" s="358"/>
      <c r="W56" s="358"/>
      <c r="X56" s="358"/>
      <c r="Y56" s="358"/>
      <c r="Z56" s="358"/>
      <c r="AA56" s="358"/>
      <c r="AB56" s="358"/>
      <c r="AC56" s="358"/>
      <c r="AD56" s="358"/>
      <c r="AE56" s="358"/>
      <c r="AF56" s="358"/>
      <c r="AG56" s="358"/>
      <c r="AH56" s="358"/>
      <c r="AI56" s="358"/>
      <c r="AJ56" s="358"/>
      <c r="AK56" s="358"/>
      <c r="AL56" s="359"/>
    </row>
    <row r="57" spans="1:38" s="76" customFormat="1" ht="13.5" customHeight="1">
      <c r="C57" s="335" t="s">
        <v>34</v>
      </c>
      <c r="D57" s="336"/>
      <c r="E57" s="336"/>
      <c r="F57" s="336"/>
      <c r="G57" s="302"/>
      <c r="H57" s="302"/>
      <c r="I57" s="267"/>
      <c r="J57" s="121" t="s">
        <v>35</v>
      </c>
      <c r="K57" s="122"/>
      <c r="L57" s="122"/>
      <c r="M57" s="122"/>
      <c r="N57" s="123" t="s">
        <v>36</v>
      </c>
      <c r="O57" s="122"/>
      <c r="P57" s="122"/>
      <c r="Q57" s="122"/>
      <c r="R57" s="122"/>
      <c r="S57" s="111"/>
      <c r="T57" s="111"/>
      <c r="U57" s="111"/>
      <c r="V57" s="111"/>
      <c r="W57" s="111"/>
      <c r="X57" s="111"/>
      <c r="Y57" s="111"/>
      <c r="Z57" s="111"/>
      <c r="AA57" s="111"/>
      <c r="AB57" s="111"/>
      <c r="AC57" s="111"/>
      <c r="AD57" s="111"/>
      <c r="AE57" s="111"/>
      <c r="AF57" s="111"/>
      <c r="AG57" s="111"/>
      <c r="AH57" s="111"/>
      <c r="AI57" s="111"/>
      <c r="AJ57" s="111"/>
      <c r="AK57" s="111"/>
      <c r="AL57" s="124"/>
    </row>
    <row r="58" spans="1:38" s="76" customFormat="1" ht="13.5" customHeight="1">
      <c r="C58" s="360"/>
      <c r="D58" s="361"/>
      <c r="E58" s="361"/>
      <c r="F58" s="361"/>
      <c r="G58" s="347"/>
      <c r="H58" s="347"/>
      <c r="I58" s="348"/>
      <c r="J58" s="362"/>
      <c r="K58" s="363"/>
      <c r="L58" s="363"/>
      <c r="M58" s="363"/>
      <c r="N58" s="363"/>
      <c r="O58" s="363"/>
      <c r="P58" s="363"/>
      <c r="Q58" s="363"/>
      <c r="R58" s="363"/>
      <c r="S58" s="363"/>
      <c r="T58" s="363"/>
      <c r="U58" s="363"/>
      <c r="V58" s="363"/>
      <c r="W58" s="363"/>
      <c r="X58" s="363"/>
      <c r="Y58" s="363"/>
      <c r="Z58" s="363"/>
      <c r="AA58" s="363"/>
      <c r="AB58" s="363"/>
      <c r="AC58" s="363"/>
      <c r="AD58" s="363"/>
      <c r="AE58" s="363"/>
      <c r="AF58" s="363"/>
      <c r="AG58" s="363"/>
      <c r="AH58" s="363"/>
      <c r="AI58" s="363"/>
      <c r="AJ58" s="363"/>
      <c r="AK58" s="363"/>
      <c r="AL58" s="364"/>
    </row>
    <row r="59" spans="1:38" s="76" customFormat="1" ht="13.5" customHeight="1">
      <c r="C59" s="338"/>
      <c r="D59" s="339"/>
      <c r="E59" s="339"/>
      <c r="F59" s="339"/>
      <c r="G59" s="303"/>
      <c r="H59" s="303"/>
      <c r="I59" s="269"/>
      <c r="J59" s="365"/>
      <c r="K59" s="366"/>
      <c r="L59" s="366"/>
      <c r="M59" s="366"/>
      <c r="N59" s="366"/>
      <c r="O59" s="366"/>
      <c r="P59" s="366"/>
      <c r="Q59" s="366"/>
      <c r="R59" s="366"/>
      <c r="S59" s="366"/>
      <c r="T59" s="366"/>
      <c r="U59" s="366"/>
      <c r="V59" s="366"/>
      <c r="W59" s="366"/>
      <c r="X59" s="366"/>
      <c r="Y59" s="366"/>
      <c r="Z59" s="366"/>
      <c r="AA59" s="366"/>
      <c r="AB59" s="366"/>
      <c r="AC59" s="366"/>
      <c r="AD59" s="366"/>
      <c r="AE59" s="366"/>
      <c r="AF59" s="366"/>
      <c r="AG59" s="366"/>
      <c r="AH59" s="366"/>
      <c r="AI59" s="366"/>
      <c r="AJ59" s="366"/>
      <c r="AK59" s="366"/>
      <c r="AL59" s="367"/>
    </row>
    <row r="60" spans="1:38" s="76" customFormat="1" ht="13.5" customHeight="1">
      <c r="C60" s="115"/>
      <c r="D60" s="115"/>
      <c r="E60" s="115"/>
      <c r="F60" s="115"/>
      <c r="G60" s="125"/>
      <c r="H60" s="125"/>
      <c r="I60" s="125"/>
      <c r="J60" s="126"/>
      <c r="K60" s="126"/>
      <c r="L60" s="126"/>
      <c r="M60" s="126"/>
      <c r="N60" s="126"/>
      <c r="O60" s="126"/>
      <c r="P60" s="126"/>
      <c r="Q60" s="126"/>
      <c r="R60" s="126"/>
      <c r="S60" s="126"/>
      <c r="T60" s="126"/>
      <c r="U60" s="126"/>
      <c r="V60" s="126"/>
      <c r="W60" s="126"/>
      <c r="X60" s="126"/>
      <c r="Y60" s="126"/>
      <c r="Z60" s="126"/>
      <c r="AA60" s="126"/>
      <c r="AB60" s="126"/>
      <c r="AC60" s="126"/>
      <c r="AD60" s="126"/>
      <c r="AE60" s="126"/>
      <c r="AF60" s="126"/>
      <c r="AG60" s="126"/>
      <c r="AH60" s="126"/>
      <c r="AI60" s="126"/>
      <c r="AJ60" s="126"/>
      <c r="AK60" s="126"/>
      <c r="AL60" s="126"/>
    </row>
    <row r="61" spans="1:38" s="76" customFormat="1" ht="13.5" customHeight="1">
      <c r="A61" s="127" t="s">
        <v>173</v>
      </c>
      <c r="D61" s="76" t="s">
        <v>174</v>
      </c>
      <c r="E61" s="115"/>
      <c r="F61" s="115"/>
      <c r="G61" s="125"/>
      <c r="H61" s="125"/>
      <c r="I61" s="125"/>
      <c r="J61" s="126"/>
      <c r="K61" s="126"/>
      <c r="L61" s="126"/>
      <c r="M61" s="126"/>
      <c r="N61" s="126"/>
      <c r="O61" s="126"/>
      <c r="P61" s="126"/>
      <c r="Q61" s="126"/>
      <c r="R61" s="126"/>
      <c r="S61" s="126"/>
      <c r="T61" s="126"/>
      <c r="U61" s="126"/>
      <c r="V61" s="126"/>
      <c r="W61" s="126"/>
      <c r="X61" s="126"/>
      <c r="Y61" s="126"/>
      <c r="Z61" s="126"/>
      <c r="AA61" s="126"/>
      <c r="AB61" s="126"/>
      <c r="AC61" s="126"/>
      <c r="AD61" s="126"/>
      <c r="AE61" s="126"/>
      <c r="AF61" s="126"/>
      <c r="AG61" s="126"/>
      <c r="AH61" s="126"/>
      <c r="AI61" s="126"/>
      <c r="AJ61" s="126"/>
      <c r="AK61" s="126"/>
      <c r="AL61" s="126"/>
    </row>
    <row r="62" spans="1:38" s="76" customFormat="1" ht="13.5" customHeight="1">
      <c r="D62" s="76" t="s">
        <v>175</v>
      </c>
      <c r="E62" s="115"/>
      <c r="F62" s="115"/>
      <c r="G62" s="125"/>
      <c r="H62" s="125"/>
      <c r="I62" s="125"/>
      <c r="J62" s="126"/>
      <c r="K62" s="126"/>
      <c r="L62" s="126"/>
      <c r="M62" s="126"/>
      <c r="N62" s="126"/>
      <c r="O62" s="126"/>
      <c r="P62" s="126"/>
      <c r="Q62" s="126"/>
      <c r="R62" s="126"/>
      <c r="S62" s="126"/>
      <c r="T62" s="126"/>
      <c r="U62" s="126"/>
      <c r="V62" s="126"/>
      <c r="W62" s="126"/>
      <c r="X62" s="126"/>
      <c r="Y62" s="126"/>
      <c r="Z62" s="126"/>
      <c r="AA62" s="126"/>
      <c r="AB62" s="126"/>
      <c r="AC62" s="126"/>
      <c r="AD62" s="126"/>
      <c r="AE62" s="126"/>
      <c r="AF62" s="126"/>
      <c r="AG62" s="126"/>
      <c r="AH62" s="126"/>
      <c r="AI62" s="126"/>
      <c r="AJ62" s="126"/>
      <c r="AK62" s="126"/>
      <c r="AL62" s="126"/>
    </row>
    <row r="63" spans="1:38" s="76" customFormat="1" ht="13.5" customHeight="1">
      <c r="D63" s="128"/>
    </row>
    <row r="64" spans="1:38" s="76" customFormat="1" ht="13.5" customHeight="1">
      <c r="A64" s="127" t="s">
        <v>37</v>
      </c>
    </row>
    <row r="65" spans="1:38" s="76" customFormat="1" ht="13.5" customHeight="1" thickBot="1">
      <c r="A65" s="129" t="s">
        <v>468</v>
      </c>
    </row>
    <row r="66" spans="1:38" s="76" customFormat="1" ht="13.5" customHeight="1" thickTop="1">
      <c r="A66" s="266">
        <v>1</v>
      </c>
      <c r="B66" s="267"/>
      <c r="C66" s="270" t="s">
        <v>681</v>
      </c>
      <c r="D66" s="271"/>
      <c r="E66" s="271"/>
      <c r="F66" s="271"/>
      <c r="G66" s="271"/>
      <c r="H66" s="271"/>
      <c r="I66" s="271"/>
      <c r="J66" s="271"/>
      <c r="K66" s="271"/>
      <c r="L66" s="271"/>
      <c r="M66" s="271"/>
      <c r="N66" s="271"/>
      <c r="O66" s="271"/>
      <c r="P66" s="271"/>
      <c r="Q66" s="271"/>
      <c r="R66" s="271"/>
      <c r="S66" s="271"/>
      <c r="T66" s="271"/>
      <c r="U66" s="271"/>
      <c r="V66" s="271"/>
      <c r="W66" s="271"/>
      <c r="X66" s="271"/>
      <c r="Y66" s="271"/>
      <c r="Z66" s="271"/>
      <c r="AA66" s="271"/>
      <c r="AB66" s="271"/>
      <c r="AC66" s="271"/>
      <c r="AD66" s="271"/>
      <c r="AE66" s="271"/>
      <c r="AF66" s="271"/>
      <c r="AG66" s="271"/>
      <c r="AH66" s="271"/>
      <c r="AI66" s="271"/>
      <c r="AJ66" s="279"/>
      <c r="AK66" s="275"/>
      <c r="AL66" s="276"/>
    </row>
    <row r="67" spans="1:38" s="76" customFormat="1" ht="13.5" customHeight="1" thickBot="1">
      <c r="A67" s="268"/>
      <c r="B67" s="269"/>
      <c r="C67" s="272"/>
      <c r="D67" s="281"/>
      <c r="E67" s="281"/>
      <c r="F67" s="281"/>
      <c r="G67" s="281"/>
      <c r="H67" s="281"/>
      <c r="I67" s="281"/>
      <c r="J67" s="281"/>
      <c r="K67" s="281"/>
      <c r="L67" s="281"/>
      <c r="M67" s="281"/>
      <c r="N67" s="281"/>
      <c r="O67" s="281"/>
      <c r="P67" s="281"/>
      <c r="Q67" s="281"/>
      <c r="R67" s="281"/>
      <c r="S67" s="281"/>
      <c r="T67" s="281"/>
      <c r="U67" s="281"/>
      <c r="V67" s="281"/>
      <c r="W67" s="281"/>
      <c r="X67" s="281"/>
      <c r="Y67" s="281"/>
      <c r="Z67" s="281"/>
      <c r="AA67" s="281"/>
      <c r="AB67" s="281"/>
      <c r="AC67" s="281"/>
      <c r="AD67" s="281"/>
      <c r="AE67" s="281"/>
      <c r="AF67" s="281"/>
      <c r="AG67" s="281"/>
      <c r="AH67" s="281"/>
      <c r="AI67" s="281"/>
      <c r="AJ67" s="312"/>
      <c r="AK67" s="277"/>
      <c r="AL67" s="278"/>
    </row>
    <row r="68" spans="1:38" s="76" customFormat="1" ht="13.5" customHeight="1" thickTop="1">
      <c r="A68" s="125"/>
      <c r="B68" s="125"/>
      <c r="C68" s="272"/>
      <c r="D68" s="281"/>
      <c r="E68" s="281"/>
      <c r="F68" s="281"/>
      <c r="G68" s="281"/>
      <c r="H68" s="281"/>
      <c r="I68" s="281"/>
      <c r="J68" s="281"/>
      <c r="K68" s="281"/>
      <c r="L68" s="281"/>
      <c r="M68" s="281"/>
      <c r="N68" s="281"/>
      <c r="O68" s="281"/>
      <c r="P68" s="281"/>
      <c r="Q68" s="281"/>
      <c r="R68" s="281"/>
      <c r="S68" s="281"/>
      <c r="T68" s="281"/>
      <c r="U68" s="281"/>
      <c r="V68" s="281"/>
      <c r="W68" s="281"/>
      <c r="X68" s="281"/>
      <c r="Y68" s="281"/>
      <c r="Z68" s="281"/>
      <c r="AA68" s="281"/>
      <c r="AB68" s="281"/>
      <c r="AC68" s="281"/>
      <c r="AD68" s="281"/>
      <c r="AE68" s="281"/>
      <c r="AF68" s="281"/>
      <c r="AG68" s="281"/>
      <c r="AH68" s="281"/>
      <c r="AI68" s="281"/>
      <c r="AJ68" s="281"/>
      <c r="AK68" s="130"/>
      <c r="AL68" s="126"/>
    </row>
    <row r="69" spans="1:38" s="76" customFormat="1" ht="13.5" customHeight="1">
      <c r="A69" s="125"/>
      <c r="B69" s="125"/>
      <c r="C69" s="272"/>
      <c r="D69" s="281"/>
      <c r="E69" s="281"/>
      <c r="F69" s="281"/>
      <c r="G69" s="281"/>
      <c r="H69" s="281"/>
      <c r="I69" s="281"/>
      <c r="J69" s="281"/>
      <c r="K69" s="281"/>
      <c r="L69" s="281"/>
      <c r="M69" s="281"/>
      <c r="N69" s="281"/>
      <c r="O69" s="281"/>
      <c r="P69" s="281"/>
      <c r="Q69" s="281"/>
      <c r="R69" s="281"/>
      <c r="S69" s="281"/>
      <c r="T69" s="281"/>
      <c r="U69" s="281"/>
      <c r="V69" s="281"/>
      <c r="W69" s="281"/>
      <c r="X69" s="281"/>
      <c r="Y69" s="281"/>
      <c r="Z69" s="281"/>
      <c r="AA69" s="281"/>
      <c r="AB69" s="281"/>
      <c r="AC69" s="281"/>
      <c r="AD69" s="281"/>
      <c r="AE69" s="281"/>
      <c r="AF69" s="281"/>
      <c r="AG69" s="281"/>
      <c r="AH69" s="281"/>
      <c r="AI69" s="281"/>
      <c r="AJ69" s="281"/>
      <c r="AK69" s="131"/>
      <c r="AL69" s="126"/>
    </row>
    <row r="70" spans="1:38" s="76" customFormat="1" ht="13.5" customHeight="1">
      <c r="A70" s="125"/>
      <c r="B70" s="125"/>
      <c r="C70" s="272"/>
      <c r="D70" s="281"/>
      <c r="E70" s="281"/>
      <c r="F70" s="281"/>
      <c r="G70" s="281"/>
      <c r="H70" s="281"/>
      <c r="I70" s="281"/>
      <c r="J70" s="281"/>
      <c r="K70" s="281"/>
      <c r="L70" s="281"/>
      <c r="M70" s="281"/>
      <c r="N70" s="281"/>
      <c r="O70" s="281"/>
      <c r="P70" s="281"/>
      <c r="Q70" s="281"/>
      <c r="R70" s="281"/>
      <c r="S70" s="281"/>
      <c r="T70" s="281"/>
      <c r="U70" s="281"/>
      <c r="V70" s="281"/>
      <c r="W70" s="281"/>
      <c r="X70" s="281"/>
      <c r="Y70" s="281"/>
      <c r="Z70" s="281"/>
      <c r="AA70" s="281"/>
      <c r="AB70" s="281"/>
      <c r="AC70" s="281"/>
      <c r="AD70" s="281"/>
      <c r="AE70" s="281"/>
      <c r="AF70" s="281"/>
      <c r="AG70" s="281"/>
      <c r="AH70" s="281"/>
      <c r="AI70" s="281"/>
      <c r="AJ70" s="281"/>
      <c r="AK70" s="131"/>
      <c r="AL70" s="126"/>
    </row>
    <row r="71" spans="1:38" s="76" customFormat="1" ht="13.5" customHeight="1">
      <c r="A71" s="125"/>
      <c r="B71" s="125"/>
      <c r="C71" s="273"/>
      <c r="D71" s="274"/>
      <c r="E71" s="274"/>
      <c r="F71" s="274"/>
      <c r="G71" s="274"/>
      <c r="H71" s="274"/>
      <c r="I71" s="274"/>
      <c r="J71" s="274"/>
      <c r="K71" s="274"/>
      <c r="L71" s="274"/>
      <c r="M71" s="274"/>
      <c r="N71" s="274"/>
      <c r="O71" s="274"/>
      <c r="P71" s="274"/>
      <c r="Q71" s="274"/>
      <c r="R71" s="274"/>
      <c r="S71" s="274"/>
      <c r="T71" s="274"/>
      <c r="U71" s="274"/>
      <c r="V71" s="274"/>
      <c r="W71" s="274"/>
      <c r="X71" s="274"/>
      <c r="Y71" s="274"/>
      <c r="Z71" s="274"/>
      <c r="AA71" s="274"/>
      <c r="AB71" s="274"/>
      <c r="AC71" s="274"/>
      <c r="AD71" s="274"/>
      <c r="AE71" s="274"/>
      <c r="AF71" s="274"/>
      <c r="AG71" s="274"/>
      <c r="AH71" s="274"/>
      <c r="AI71" s="274"/>
      <c r="AJ71" s="274"/>
      <c r="AK71" s="132"/>
    </row>
    <row r="72" spans="1:38" s="76" customFormat="1" ht="13.5" customHeight="1" thickBot="1"/>
    <row r="73" spans="1:38" s="76" customFormat="1" ht="13.5" customHeight="1" thickTop="1">
      <c r="A73" s="266">
        <v>2</v>
      </c>
      <c r="B73" s="267"/>
      <c r="C73" s="270" t="s">
        <v>484</v>
      </c>
      <c r="D73" s="271"/>
      <c r="E73" s="271"/>
      <c r="F73" s="271"/>
      <c r="G73" s="271"/>
      <c r="H73" s="271"/>
      <c r="I73" s="271"/>
      <c r="J73" s="271"/>
      <c r="K73" s="271"/>
      <c r="L73" s="271"/>
      <c r="M73" s="271"/>
      <c r="N73" s="271"/>
      <c r="O73" s="271"/>
      <c r="P73" s="271"/>
      <c r="Q73" s="271"/>
      <c r="R73" s="271"/>
      <c r="S73" s="271"/>
      <c r="T73" s="271"/>
      <c r="U73" s="271"/>
      <c r="V73" s="271"/>
      <c r="W73" s="271"/>
      <c r="X73" s="271"/>
      <c r="Y73" s="271"/>
      <c r="Z73" s="271"/>
      <c r="AA73" s="271"/>
      <c r="AB73" s="271"/>
      <c r="AC73" s="271"/>
      <c r="AD73" s="271"/>
      <c r="AE73" s="271"/>
      <c r="AF73" s="271"/>
      <c r="AG73" s="271"/>
      <c r="AH73" s="271"/>
      <c r="AI73" s="271"/>
      <c r="AJ73" s="279"/>
      <c r="AK73" s="275"/>
      <c r="AL73" s="276"/>
    </row>
    <row r="74" spans="1:38" s="76" customFormat="1" ht="13.5" customHeight="1" thickBot="1">
      <c r="A74" s="268"/>
      <c r="B74" s="269"/>
      <c r="C74" s="272"/>
      <c r="D74" s="281"/>
      <c r="E74" s="281"/>
      <c r="F74" s="281"/>
      <c r="G74" s="281"/>
      <c r="H74" s="281"/>
      <c r="I74" s="281"/>
      <c r="J74" s="281"/>
      <c r="K74" s="281"/>
      <c r="L74" s="281"/>
      <c r="M74" s="281"/>
      <c r="N74" s="281"/>
      <c r="O74" s="281"/>
      <c r="P74" s="281"/>
      <c r="Q74" s="281"/>
      <c r="R74" s="281"/>
      <c r="S74" s="281"/>
      <c r="T74" s="281"/>
      <c r="U74" s="281"/>
      <c r="V74" s="281"/>
      <c r="W74" s="281"/>
      <c r="X74" s="281"/>
      <c r="Y74" s="281"/>
      <c r="Z74" s="281"/>
      <c r="AA74" s="281"/>
      <c r="AB74" s="281"/>
      <c r="AC74" s="281"/>
      <c r="AD74" s="281"/>
      <c r="AE74" s="281"/>
      <c r="AF74" s="281"/>
      <c r="AG74" s="281"/>
      <c r="AH74" s="281"/>
      <c r="AI74" s="281"/>
      <c r="AJ74" s="312"/>
      <c r="AK74" s="277"/>
      <c r="AL74" s="278"/>
    </row>
    <row r="75" spans="1:38" s="76" customFormat="1" ht="13.5" customHeight="1" thickTop="1">
      <c r="A75" s="125"/>
      <c r="B75" s="125"/>
      <c r="C75" s="273"/>
      <c r="D75" s="274"/>
      <c r="E75" s="274"/>
      <c r="F75" s="274"/>
      <c r="G75" s="274"/>
      <c r="H75" s="274"/>
      <c r="I75" s="274"/>
      <c r="J75" s="274"/>
      <c r="K75" s="274"/>
      <c r="L75" s="274"/>
      <c r="M75" s="274"/>
      <c r="N75" s="274"/>
      <c r="O75" s="274"/>
      <c r="P75" s="274"/>
      <c r="Q75" s="274"/>
      <c r="R75" s="274"/>
      <c r="S75" s="274"/>
      <c r="T75" s="274"/>
      <c r="U75" s="274"/>
      <c r="V75" s="274"/>
      <c r="W75" s="274"/>
      <c r="X75" s="274"/>
      <c r="Y75" s="274"/>
      <c r="Z75" s="274"/>
      <c r="AA75" s="274"/>
      <c r="AB75" s="274"/>
      <c r="AC75" s="274"/>
      <c r="AD75" s="274"/>
      <c r="AE75" s="274"/>
      <c r="AF75" s="274"/>
      <c r="AG75" s="274"/>
      <c r="AH75" s="274"/>
      <c r="AI75" s="274"/>
      <c r="AJ75" s="274"/>
      <c r="AK75" s="132"/>
    </row>
    <row r="76" spans="1:38" s="76" customFormat="1" ht="13.5" customHeight="1" thickBot="1"/>
    <row r="77" spans="1:38" s="76" customFormat="1" ht="13.5" customHeight="1" thickTop="1">
      <c r="A77" s="266">
        <v>3</v>
      </c>
      <c r="B77" s="267"/>
      <c r="C77" s="270" t="s">
        <v>485</v>
      </c>
      <c r="D77" s="271"/>
      <c r="E77" s="271"/>
      <c r="F77" s="271"/>
      <c r="G77" s="271"/>
      <c r="H77" s="271"/>
      <c r="I77" s="271"/>
      <c r="J77" s="271"/>
      <c r="K77" s="271"/>
      <c r="L77" s="271"/>
      <c r="M77" s="271"/>
      <c r="N77" s="271"/>
      <c r="O77" s="271"/>
      <c r="P77" s="271"/>
      <c r="Q77" s="271"/>
      <c r="R77" s="271"/>
      <c r="S77" s="271"/>
      <c r="T77" s="271"/>
      <c r="U77" s="271"/>
      <c r="V77" s="271"/>
      <c r="W77" s="271"/>
      <c r="X77" s="271"/>
      <c r="Y77" s="271"/>
      <c r="Z77" s="271"/>
      <c r="AA77" s="271"/>
      <c r="AB77" s="271"/>
      <c r="AC77" s="271"/>
      <c r="AD77" s="271"/>
      <c r="AE77" s="271"/>
      <c r="AF77" s="271"/>
      <c r="AG77" s="271"/>
      <c r="AH77" s="271"/>
      <c r="AI77" s="271"/>
      <c r="AJ77" s="279"/>
      <c r="AK77" s="275"/>
      <c r="AL77" s="276"/>
    </row>
    <row r="78" spans="1:38" s="76" customFormat="1" ht="13.5" customHeight="1" thickBot="1">
      <c r="A78" s="268"/>
      <c r="B78" s="269"/>
      <c r="C78" s="272"/>
      <c r="D78" s="281"/>
      <c r="E78" s="281"/>
      <c r="F78" s="281"/>
      <c r="G78" s="281"/>
      <c r="H78" s="281"/>
      <c r="I78" s="281"/>
      <c r="J78" s="281"/>
      <c r="K78" s="281"/>
      <c r="L78" s="281"/>
      <c r="M78" s="281"/>
      <c r="N78" s="281"/>
      <c r="O78" s="281"/>
      <c r="P78" s="281"/>
      <c r="Q78" s="281"/>
      <c r="R78" s="281"/>
      <c r="S78" s="281"/>
      <c r="T78" s="281"/>
      <c r="U78" s="281"/>
      <c r="V78" s="281"/>
      <c r="W78" s="281"/>
      <c r="X78" s="281"/>
      <c r="Y78" s="281"/>
      <c r="Z78" s="281"/>
      <c r="AA78" s="281"/>
      <c r="AB78" s="281"/>
      <c r="AC78" s="281"/>
      <c r="AD78" s="281"/>
      <c r="AE78" s="281"/>
      <c r="AF78" s="281"/>
      <c r="AG78" s="281"/>
      <c r="AH78" s="281"/>
      <c r="AI78" s="281"/>
      <c r="AJ78" s="312"/>
      <c r="AK78" s="277"/>
      <c r="AL78" s="278"/>
    </row>
    <row r="79" spans="1:38" s="76" customFormat="1" ht="13.5" customHeight="1" thickTop="1">
      <c r="A79" s="125"/>
      <c r="B79" s="125"/>
      <c r="C79" s="272"/>
      <c r="D79" s="281"/>
      <c r="E79" s="281"/>
      <c r="F79" s="281"/>
      <c r="G79" s="281"/>
      <c r="H79" s="281"/>
      <c r="I79" s="281"/>
      <c r="J79" s="281"/>
      <c r="K79" s="281"/>
      <c r="L79" s="281"/>
      <c r="M79" s="281"/>
      <c r="N79" s="281"/>
      <c r="O79" s="281"/>
      <c r="P79" s="281"/>
      <c r="Q79" s="281"/>
      <c r="R79" s="281"/>
      <c r="S79" s="281"/>
      <c r="T79" s="281"/>
      <c r="U79" s="281"/>
      <c r="V79" s="281"/>
      <c r="W79" s="281"/>
      <c r="X79" s="281"/>
      <c r="Y79" s="281"/>
      <c r="Z79" s="281"/>
      <c r="AA79" s="281"/>
      <c r="AB79" s="281"/>
      <c r="AC79" s="281"/>
      <c r="AD79" s="281"/>
      <c r="AE79" s="281"/>
      <c r="AF79" s="281"/>
      <c r="AG79" s="281"/>
      <c r="AH79" s="281"/>
      <c r="AI79" s="281"/>
      <c r="AJ79" s="281"/>
      <c r="AK79" s="130"/>
      <c r="AL79" s="126"/>
    </row>
    <row r="80" spans="1:38" s="76" customFormat="1" ht="13.5" customHeight="1">
      <c r="A80" s="125"/>
      <c r="B80" s="125"/>
      <c r="C80" s="272"/>
      <c r="D80" s="281"/>
      <c r="E80" s="281"/>
      <c r="F80" s="281"/>
      <c r="G80" s="281"/>
      <c r="H80" s="281"/>
      <c r="I80" s="281"/>
      <c r="J80" s="281"/>
      <c r="K80" s="281"/>
      <c r="L80" s="281"/>
      <c r="M80" s="281"/>
      <c r="N80" s="281"/>
      <c r="O80" s="281"/>
      <c r="P80" s="281"/>
      <c r="Q80" s="281"/>
      <c r="R80" s="281"/>
      <c r="S80" s="281"/>
      <c r="T80" s="281"/>
      <c r="U80" s="281"/>
      <c r="V80" s="281"/>
      <c r="W80" s="281"/>
      <c r="X80" s="281"/>
      <c r="Y80" s="281"/>
      <c r="Z80" s="281"/>
      <c r="AA80" s="281"/>
      <c r="AB80" s="281"/>
      <c r="AC80" s="281"/>
      <c r="AD80" s="281"/>
      <c r="AE80" s="281"/>
      <c r="AF80" s="281"/>
      <c r="AG80" s="281"/>
      <c r="AH80" s="281"/>
      <c r="AI80" s="281"/>
      <c r="AJ80" s="281"/>
      <c r="AK80" s="131"/>
      <c r="AL80" s="126"/>
    </row>
    <row r="81" spans="1:38" s="76" customFormat="1" ht="13.5" customHeight="1">
      <c r="C81" s="273"/>
      <c r="D81" s="274"/>
      <c r="E81" s="274"/>
      <c r="F81" s="274"/>
      <c r="G81" s="274"/>
      <c r="H81" s="274"/>
      <c r="I81" s="274"/>
      <c r="J81" s="274"/>
      <c r="K81" s="274"/>
      <c r="L81" s="274"/>
      <c r="M81" s="274"/>
      <c r="N81" s="274"/>
      <c r="O81" s="274"/>
      <c r="P81" s="274"/>
      <c r="Q81" s="274"/>
      <c r="R81" s="274"/>
      <c r="S81" s="274"/>
      <c r="T81" s="274"/>
      <c r="U81" s="274"/>
      <c r="V81" s="274"/>
      <c r="W81" s="274"/>
      <c r="X81" s="274"/>
      <c r="Y81" s="274"/>
      <c r="Z81" s="274"/>
      <c r="AA81" s="274"/>
      <c r="AB81" s="274"/>
      <c r="AC81" s="274"/>
      <c r="AD81" s="274"/>
      <c r="AE81" s="274"/>
      <c r="AF81" s="274"/>
      <c r="AG81" s="274"/>
      <c r="AH81" s="274"/>
      <c r="AI81" s="274"/>
      <c r="AJ81" s="274"/>
      <c r="AK81" s="132"/>
    </row>
    <row r="82" spans="1:38" s="76" customFormat="1" ht="13.5" customHeight="1" thickBot="1">
      <c r="C82" s="133"/>
      <c r="D82" s="133"/>
      <c r="E82" s="133"/>
      <c r="F82" s="133"/>
      <c r="G82" s="133"/>
      <c r="H82" s="133"/>
      <c r="I82" s="133"/>
      <c r="J82" s="133"/>
      <c r="K82" s="133"/>
      <c r="L82" s="133"/>
      <c r="M82" s="133"/>
      <c r="N82" s="133"/>
      <c r="O82" s="133"/>
      <c r="P82" s="133"/>
      <c r="Q82" s="133"/>
      <c r="R82" s="133"/>
      <c r="S82" s="133"/>
      <c r="T82" s="133"/>
      <c r="U82" s="133"/>
      <c r="V82" s="133"/>
      <c r="W82" s="133"/>
      <c r="X82" s="133"/>
      <c r="Y82" s="133"/>
      <c r="Z82" s="133"/>
      <c r="AA82" s="133"/>
      <c r="AB82" s="133"/>
      <c r="AC82" s="133"/>
      <c r="AD82" s="133"/>
      <c r="AE82" s="133"/>
      <c r="AF82" s="133"/>
      <c r="AG82" s="133"/>
      <c r="AH82" s="133"/>
      <c r="AI82" s="133"/>
      <c r="AJ82" s="133"/>
      <c r="AK82" s="96"/>
    </row>
    <row r="83" spans="1:38" s="76" customFormat="1" ht="13.5" customHeight="1" thickTop="1">
      <c r="A83" s="266">
        <v>4</v>
      </c>
      <c r="B83" s="267"/>
      <c r="C83" s="270" t="s">
        <v>486</v>
      </c>
      <c r="D83" s="271"/>
      <c r="E83" s="271"/>
      <c r="F83" s="271"/>
      <c r="G83" s="271"/>
      <c r="H83" s="271"/>
      <c r="I83" s="271"/>
      <c r="J83" s="271"/>
      <c r="K83" s="271"/>
      <c r="L83" s="271"/>
      <c r="M83" s="271"/>
      <c r="N83" s="271"/>
      <c r="O83" s="271"/>
      <c r="P83" s="271"/>
      <c r="Q83" s="271"/>
      <c r="R83" s="271"/>
      <c r="S83" s="271"/>
      <c r="T83" s="271"/>
      <c r="U83" s="271"/>
      <c r="V83" s="271"/>
      <c r="W83" s="271"/>
      <c r="X83" s="271"/>
      <c r="Y83" s="271"/>
      <c r="Z83" s="271"/>
      <c r="AA83" s="271"/>
      <c r="AB83" s="271"/>
      <c r="AC83" s="271"/>
      <c r="AD83" s="271"/>
      <c r="AE83" s="271"/>
      <c r="AF83" s="271"/>
      <c r="AG83" s="271"/>
      <c r="AH83" s="271"/>
      <c r="AI83" s="271"/>
      <c r="AJ83" s="279"/>
      <c r="AK83" s="275"/>
      <c r="AL83" s="276"/>
    </row>
    <row r="84" spans="1:38" s="76" customFormat="1" ht="13.5" customHeight="1" thickBot="1">
      <c r="A84" s="268"/>
      <c r="B84" s="269"/>
      <c r="C84" s="272"/>
      <c r="D84" s="281"/>
      <c r="E84" s="281"/>
      <c r="F84" s="281"/>
      <c r="G84" s="281"/>
      <c r="H84" s="281"/>
      <c r="I84" s="281"/>
      <c r="J84" s="281"/>
      <c r="K84" s="281"/>
      <c r="L84" s="281"/>
      <c r="M84" s="281"/>
      <c r="N84" s="281"/>
      <c r="O84" s="281"/>
      <c r="P84" s="281"/>
      <c r="Q84" s="281"/>
      <c r="R84" s="281"/>
      <c r="S84" s="281"/>
      <c r="T84" s="281"/>
      <c r="U84" s="281"/>
      <c r="V84" s="281"/>
      <c r="W84" s="281"/>
      <c r="X84" s="281"/>
      <c r="Y84" s="281"/>
      <c r="Z84" s="281"/>
      <c r="AA84" s="281"/>
      <c r="AB84" s="281"/>
      <c r="AC84" s="281"/>
      <c r="AD84" s="281"/>
      <c r="AE84" s="281"/>
      <c r="AF84" s="281"/>
      <c r="AG84" s="281"/>
      <c r="AH84" s="281"/>
      <c r="AI84" s="281"/>
      <c r="AJ84" s="312"/>
      <c r="AK84" s="277"/>
      <c r="AL84" s="278"/>
    </row>
    <row r="85" spans="1:38" s="76" customFormat="1" ht="13.5" customHeight="1" thickTop="1">
      <c r="C85" s="273"/>
      <c r="D85" s="274"/>
      <c r="E85" s="274"/>
      <c r="F85" s="274"/>
      <c r="G85" s="274"/>
      <c r="H85" s="274"/>
      <c r="I85" s="274"/>
      <c r="J85" s="274"/>
      <c r="K85" s="274"/>
      <c r="L85" s="274"/>
      <c r="M85" s="274"/>
      <c r="N85" s="274"/>
      <c r="O85" s="274"/>
      <c r="P85" s="274"/>
      <c r="Q85" s="274"/>
      <c r="R85" s="274"/>
      <c r="S85" s="274"/>
      <c r="T85" s="274"/>
      <c r="U85" s="274"/>
      <c r="V85" s="274"/>
      <c r="W85" s="274"/>
      <c r="X85" s="274"/>
      <c r="Y85" s="274"/>
      <c r="Z85" s="274"/>
      <c r="AA85" s="274"/>
      <c r="AB85" s="274"/>
      <c r="AC85" s="274"/>
      <c r="AD85" s="274"/>
      <c r="AE85" s="274"/>
      <c r="AF85" s="274"/>
      <c r="AG85" s="274"/>
      <c r="AH85" s="274"/>
      <c r="AI85" s="274"/>
      <c r="AJ85" s="274"/>
      <c r="AK85" s="134"/>
    </row>
    <row r="86" spans="1:38" s="76" customFormat="1" ht="13">
      <c r="C86" s="75" t="s">
        <v>59</v>
      </c>
      <c r="D86" s="413" t="s">
        <v>441</v>
      </c>
      <c r="E86" s="413"/>
      <c r="F86" s="413"/>
      <c r="G86" s="413"/>
      <c r="H86" s="413"/>
      <c r="I86" s="413"/>
      <c r="J86" s="413"/>
      <c r="K86" s="413"/>
      <c r="L86" s="413"/>
      <c r="M86" s="413"/>
      <c r="N86" s="413"/>
      <c r="O86" s="413"/>
      <c r="P86" s="413"/>
      <c r="Q86" s="413"/>
      <c r="R86" s="413"/>
      <c r="S86" s="413"/>
      <c r="T86" s="413"/>
      <c r="U86" s="413"/>
      <c r="V86" s="413"/>
      <c r="W86" s="413"/>
      <c r="X86" s="413"/>
      <c r="Y86" s="413"/>
      <c r="Z86" s="413"/>
      <c r="AA86" s="413"/>
      <c r="AB86" s="413"/>
      <c r="AC86" s="413"/>
      <c r="AD86" s="413"/>
      <c r="AE86" s="413"/>
      <c r="AF86" s="413"/>
      <c r="AG86" s="413"/>
      <c r="AH86" s="413"/>
      <c r="AI86" s="413"/>
      <c r="AJ86" s="413"/>
      <c r="AK86" s="75"/>
      <c r="AL86" s="75"/>
    </row>
    <row r="87" spans="1:38" s="76" customFormat="1" ht="13.5" customHeight="1">
      <c r="D87" s="265"/>
      <c r="E87" s="265"/>
      <c r="F87" s="265"/>
      <c r="G87" s="265"/>
      <c r="H87" s="265"/>
      <c r="I87" s="265"/>
      <c r="J87" s="265"/>
      <c r="K87" s="265"/>
      <c r="L87" s="265"/>
      <c r="M87" s="265"/>
      <c r="N87" s="265"/>
      <c r="O87" s="265"/>
      <c r="P87" s="265"/>
      <c r="Q87" s="265"/>
      <c r="R87" s="265"/>
      <c r="S87" s="265"/>
      <c r="T87" s="265"/>
      <c r="U87" s="265"/>
      <c r="V87" s="265"/>
      <c r="W87" s="265"/>
      <c r="X87" s="265"/>
      <c r="Y87" s="265"/>
      <c r="Z87" s="265"/>
      <c r="AA87" s="265"/>
      <c r="AB87" s="265"/>
      <c r="AC87" s="265"/>
      <c r="AD87" s="265"/>
      <c r="AE87" s="265"/>
      <c r="AF87" s="265"/>
      <c r="AG87" s="265"/>
      <c r="AH87" s="265"/>
      <c r="AI87" s="265"/>
      <c r="AJ87" s="265"/>
    </row>
    <row r="88" spans="1:38" s="76" customFormat="1" ht="13.5" customHeight="1">
      <c r="D88" s="77"/>
      <c r="E88" s="77"/>
      <c r="F88" s="77"/>
      <c r="G88" s="77"/>
      <c r="H88" s="77"/>
      <c r="I88" s="77"/>
      <c r="J88" s="77"/>
      <c r="K88" s="77"/>
      <c r="L88" s="77"/>
      <c r="M88" s="77"/>
      <c r="N88" s="77"/>
      <c r="O88" s="77"/>
      <c r="P88" s="77"/>
      <c r="Q88" s="77"/>
      <c r="R88" s="77"/>
      <c r="S88" s="77"/>
      <c r="T88" s="77"/>
      <c r="U88" s="77"/>
      <c r="V88" s="77"/>
      <c r="W88" s="77"/>
      <c r="X88" s="77"/>
      <c r="Y88" s="77"/>
      <c r="Z88" s="77"/>
      <c r="AA88" s="77"/>
      <c r="AB88" s="77"/>
      <c r="AC88" s="77"/>
      <c r="AD88" s="77"/>
      <c r="AE88" s="77"/>
      <c r="AF88" s="77"/>
      <c r="AG88" s="77"/>
      <c r="AH88" s="77"/>
      <c r="AI88" s="77"/>
      <c r="AJ88" s="77"/>
    </row>
    <row r="89" spans="1:38" s="76" customFormat="1" ht="13.5" customHeight="1" thickBot="1">
      <c r="A89" s="135" t="s">
        <v>699</v>
      </c>
      <c r="C89" s="133"/>
      <c r="D89" s="133"/>
      <c r="E89" s="133"/>
      <c r="F89" s="133"/>
      <c r="G89" s="133"/>
      <c r="H89" s="133"/>
      <c r="I89" s="133"/>
      <c r="J89" s="133"/>
      <c r="K89" s="133"/>
      <c r="L89" s="133"/>
      <c r="M89" s="133"/>
      <c r="N89" s="133"/>
      <c r="O89" s="133"/>
      <c r="P89" s="133"/>
      <c r="Q89" s="133"/>
      <c r="R89" s="133"/>
      <c r="S89" s="133"/>
      <c r="T89" s="133"/>
      <c r="U89" s="133"/>
      <c r="V89" s="133"/>
      <c r="W89" s="133"/>
      <c r="X89" s="133"/>
      <c r="Y89" s="133"/>
      <c r="Z89" s="133"/>
      <c r="AA89" s="133"/>
      <c r="AB89" s="133"/>
      <c r="AC89" s="133"/>
      <c r="AD89" s="133"/>
      <c r="AE89" s="133"/>
      <c r="AF89" s="133"/>
      <c r="AG89" s="133"/>
      <c r="AH89" s="133"/>
      <c r="AI89" s="133"/>
      <c r="AJ89" s="133"/>
      <c r="AK89" s="96"/>
    </row>
    <row r="90" spans="1:38" s="76" customFormat="1" ht="13.5" customHeight="1" thickTop="1">
      <c r="A90" s="266">
        <v>5</v>
      </c>
      <c r="B90" s="267"/>
      <c r="C90" s="270" t="s">
        <v>632</v>
      </c>
      <c r="D90" s="271"/>
      <c r="E90" s="271"/>
      <c r="F90" s="271"/>
      <c r="G90" s="271"/>
      <c r="H90" s="271"/>
      <c r="I90" s="271"/>
      <c r="J90" s="271"/>
      <c r="K90" s="271"/>
      <c r="L90" s="271"/>
      <c r="M90" s="271"/>
      <c r="N90" s="271"/>
      <c r="O90" s="271"/>
      <c r="P90" s="271"/>
      <c r="Q90" s="271"/>
      <c r="R90" s="271"/>
      <c r="S90" s="271"/>
      <c r="T90" s="271"/>
      <c r="U90" s="271"/>
      <c r="V90" s="271"/>
      <c r="W90" s="271"/>
      <c r="X90" s="271"/>
      <c r="Y90" s="271"/>
      <c r="Z90" s="271"/>
      <c r="AA90" s="271"/>
      <c r="AB90" s="271"/>
      <c r="AC90" s="271"/>
      <c r="AD90" s="271"/>
      <c r="AE90" s="271"/>
      <c r="AF90" s="271"/>
      <c r="AG90" s="271"/>
      <c r="AH90" s="271"/>
      <c r="AI90" s="271"/>
      <c r="AJ90" s="279"/>
      <c r="AK90" s="275"/>
      <c r="AL90" s="276"/>
    </row>
    <row r="91" spans="1:38" s="76" customFormat="1" ht="13.5" customHeight="1" thickBot="1">
      <c r="A91" s="268"/>
      <c r="B91" s="269"/>
      <c r="C91" s="272"/>
      <c r="D91" s="281"/>
      <c r="E91" s="281"/>
      <c r="F91" s="281"/>
      <c r="G91" s="281"/>
      <c r="H91" s="281"/>
      <c r="I91" s="281"/>
      <c r="J91" s="281"/>
      <c r="K91" s="281"/>
      <c r="L91" s="281"/>
      <c r="M91" s="281"/>
      <c r="N91" s="281"/>
      <c r="O91" s="281"/>
      <c r="P91" s="281"/>
      <c r="Q91" s="281"/>
      <c r="R91" s="281"/>
      <c r="S91" s="281"/>
      <c r="T91" s="281"/>
      <c r="U91" s="281"/>
      <c r="V91" s="281"/>
      <c r="W91" s="281"/>
      <c r="X91" s="281"/>
      <c r="Y91" s="281"/>
      <c r="Z91" s="281"/>
      <c r="AA91" s="281"/>
      <c r="AB91" s="281"/>
      <c r="AC91" s="281"/>
      <c r="AD91" s="281"/>
      <c r="AE91" s="281"/>
      <c r="AF91" s="281"/>
      <c r="AG91" s="281"/>
      <c r="AH91" s="281"/>
      <c r="AI91" s="281"/>
      <c r="AJ91" s="312"/>
      <c r="AK91" s="277"/>
      <c r="AL91" s="278"/>
    </row>
    <row r="92" spans="1:38" s="76" customFormat="1" ht="13.5" customHeight="1" thickTop="1">
      <c r="C92" s="273"/>
      <c r="D92" s="274"/>
      <c r="E92" s="274"/>
      <c r="F92" s="274"/>
      <c r="G92" s="274"/>
      <c r="H92" s="274"/>
      <c r="I92" s="274"/>
      <c r="J92" s="274"/>
      <c r="K92" s="274"/>
      <c r="L92" s="274"/>
      <c r="M92" s="274"/>
      <c r="N92" s="274"/>
      <c r="O92" s="274"/>
      <c r="P92" s="274"/>
      <c r="Q92" s="274"/>
      <c r="R92" s="274"/>
      <c r="S92" s="274"/>
      <c r="T92" s="274"/>
      <c r="U92" s="274"/>
      <c r="V92" s="274"/>
      <c r="W92" s="274"/>
      <c r="X92" s="274"/>
      <c r="Y92" s="274"/>
      <c r="Z92" s="274"/>
      <c r="AA92" s="274"/>
      <c r="AB92" s="274"/>
      <c r="AC92" s="274"/>
      <c r="AD92" s="274"/>
      <c r="AE92" s="274"/>
      <c r="AF92" s="274"/>
      <c r="AG92" s="274"/>
      <c r="AH92" s="274"/>
      <c r="AI92" s="274"/>
      <c r="AJ92" s="274"/>
      <c r="AK92" s="134"/>
    </row>
    <row r="93" spans="1:38" s="76" customFormat="1" ht="13.5" customHeight="1">
      <c r="C93" s="133"/>
      <c r="D93" s="133"/>
      <c r="E93" s="133"/>
      <c r="F93" s="133"/>
      <c r="G93" s="133"/>
      <c r="H93" s="133"/>
      <c r="I93" s="133"/>
      <c r="J93" s="133"/>
      <c r="K93" s="133"/>
      <c r="L93" s="133"/>
      <c r="M93" s="133"/>
      <c r="N93" s="133"/>
      <c r="O93" s="133"/>
      <c r="P93" s="133"/>
      <c r="Q93" s="133"/>
      <c r="R93" s="133"/>
      <c r="S93" s="133"/>
      <c r="T93" s="133"/>
      <c r="U93" s="133"/>
      <c r="V93" s="133"/>
      <c r="W93" s="133"/>
      <c r="X93" s="133"/>
      <c r="Y93" s="133"/>
      <c r="Z93" s="133"/>
      <c r="AA93" s="133"/>
      <c r="AB93" s="133"/>
      <c r="AC93" s="133"/>
      <c r="AD93" s="133"/>
      <c r="AE93" s="133"/>
      <c r="AF93" s="133"/>
      <c r="AG93" s="133"/>
      <c r="AH93" s="133"/>
      <c r="AI93" s="133"/>
      <c r="AJ93" s="133"/>
      <c r="AK93" s="96"/>
    </row>
    <row r="94" spans="1:38" s="76" customFormat="1" ht="13.5" customHeight="1" thickBot="1">
      <c r="A94" s="135" t="s">
        <v>700</v>
      </c>
      <c r="C94" s="133"/>
      <c r="D94" s="133"/>
      <c r="E94" s="133"/>
      <c r="F94" s="133"/>
      <c r="G94" s="133"/>
      <c r="H94" s="133"/>
      <c r="I94" s="133"/>
      <c r="J94" s="133"/>
      <c r="K94" s="133"/>
      <c r="L94" s="133"/>
      <c r="M94" s="133"/>
      <c r="N94" s="133"/>
      <c r="O94" s="133"/>
      <c r="P94" s="133"/>
      <c r="Q94" s="133"/>
      <c r="R94" s="133"/>
      <c r="S94" s="133"/>
      <c r="T94" s="133"/>
      <c r="U94" s="133"/>
      <c r="V94" s="133"/>
      <c r="W94" s="133"/>
      <c r="X94" s="133"/>
      <c r="Y94" s="133"/>
      <c r="Z94" s="133"/>
      <c r="AA94" s="133"/>
      <c r="AB94" s="133"/>
      <c r="AC94" s="133"/>
      <c r="AD94" s="133"/>
      <c r="AE94" s="133"/>
      <c r="AF94" s="133"/>
      <c r="AG94" s="133"/>
      <c r="AH94" s="133"/>
      <c r="AI94" s="133"/>
      <c r="AJ94" s="133"/>
      <c r="AK94" s="96"/>
    </row>
    <row r="95" spans="1:38" s="76" customFormat="1" ht="13.5" customHeight="1" thickTop="1">
      <c r="A95" s="266">
        <v>6</v>
      </c>
      <c r="B95" s="267"/>
      <c r="C95" s="270" t="s">
        <v>633</v>
      </c>
      <c r="D95" s="271"/>
      <c r="E95" s="271"/>
      <c r="F95" s="271"/>
      <c r="G95" s="271"/>
      <c r="H95" s="271"/>
      <c r="I95" s="271"/>
      <c r="J95" s="271"/>
      <c r="K95" s="271"/>
      <c r="L95" s="271"/>
      <c r="M95" s="271"/>
      <c r="N95" s="271"/>
      <c r="O95" s="271"/>
      <c r="P95" s="271"/>
      <c r="Q95" s="271"/>
      <c r="R95" s="271"/>
      <c r="S95" s="271"/>
      <c r="T95" s="271"/>
      <c r="U95" s="271"/>
      <c r="V95" s="271"/>
      <c r="W95" s="271"/>
      <c r="X95" s="271"/>
      <c r="Y95" s="271"/>
      <c r="Z95" s="271"/>
      <c r="AA95" s="271"/>
      <c r="AB95" s="271"/>
      <c r="AC95" s="271"/>
      <c r="AD95" s="271"/>
      <c r="AE95" s="271"/>
      <c r="AF95" s="271"/>
      <c r="AG95" s="271"/>
      <c r="AH95" s="271"/>
      <c r="AI95" s="271"/>
      <c r="AJ95" s="279"/>
      <c r="AK95" s="275"/>
      <c r="AL95" s="276"/>
    </row>
    <row r="96" spans="1:38" s="76" customFormat="1" ht="13.5" customHeight="1" thickBot="1">
      <c r="A96" s="268"/>
      <c r="B96" s="269"/>
      <c r="C96" s="272"/>
      <c r="D96" s="281"/>
      <c r="E96" s="281"/>
      <c r="F96" s="281"/>
      <c r="G96" s="281"/>
      <c r="H96" s="281"/>
      <c r="I96" s="281"/>
      <c r="J96" s="281"/>
      <c r="K96" s="281"/>
      <c r="L96" s="281"/>
      <c r="M96" s="281"/>
      <c r="N96" s="281"/>
      <c r="O96" s="281"/>
      <c r="P96" s="281"/>
      <c r="Q96" s="281"/>
      <c r="R96" s="281"/>
      <c r="S96" s="281"/>
      <c r="T96" s="281"/>
      <c r="U96" s="281"/>
      <c r="V96" s="281"/>
      <c r="W96" s="281"/>
      <c r="X96" s="281"/>
      <c r="Y96" s="281"/>
      <c r="Z96" s="281"/>
      <c r="AA96" s="281"/>
      <c r="AB96" s="281"/>
      <c r="AC96" s="281"/>
      <c r="AD96" s="281"/>
      <c r="AE96" s="281"/>
      <c r="AF96" s="281"/>
      <c r="AG96" s="281"/>
      <c r="AH96" s="281"/>
      <c r="AI96" s="281"/>
      <c r="AJ96" s="312"/>
      <c r="AK96" s="277"/>
      <c r="AL96" s="278"/>
    </row>
    <row r="97" spans="1:38" s="76" customFormat="1" ht="13.5" customHeight="1" thickTop="1">
      <c r="C97" s="273"/>
      <c r="D97" s="274"/>
      <c r="E97" s="274"/>
      <c r="F97" s="274"/>
      <c r="G97" s="274"/>
      <c r="H97" s="274"/>
      <c r="I97" s="274"/>
      <c r="J97" s="274"/>
      <c r="K97" s="274"/>
      <c r="L97" s="274"/>
      <c r="M97" s="274"/>
      <c r="N97" s="274"/>
      <c r="O97" s="274"/>
      <c r="P97" s="274"/>
      <c r="Q97" s="274"/>
      <c r="R97" s="274"/>
      <c r="S97" s="274"/>
      <c r="T97" s="274"/>
      <c r="U97" s="274"/>
      <c r="V97" s="274"/>
      <c r="W97" s="274"/>
      <c r="X97" s="274"/>
      <c r="Y97" s="274"/>
      <c r="Z97" s="274"/>
      <c r="AA97" s="274"/>
      <c r="AB97" s="274"/>
      <c r="AC97" s="274"/>
      <c r="AD97" s="274"/>
      <c r="AE97" s="274"/>
      <c r="AF97" s="274"/>
      <c r="AG97" s="274"/>
      <c r="AH97" s="274"/>
      <c r="AI97" s="274"/>
      <c r="AJ97" s="274"/>
      <c r="AK97" s="134"/>
    </row>
    <row r="98" spans="1:38" s="76" customFormat="1" ht="13.5" customHeight="1">
      <c r="C98" s="133"/>
      <c r="D98" s="133"/>
      <c r="E98" s="133"/>
      <c r="F98" s="133"/>
      <c r="G98" s="133"/>
      <c r="H98" s="133"/>
      <c r="I98" s="133"/>
      <c r="J98" s="133"/>
      <c r="K98" s="133"/>
      <c r="L98" s="133"/>
      <c r="M98" s="133"/>
      <c r="N98" s="133"/>
      <c r="O98" s="133"/>
      <c r="P98" s="133"/>
      <c r="Q98" s="133"/>
      <c r="R98" s="133"/>
      <c r="S98" s="133"/>
      <c r="T98" s="133"/>
      <c r="U98" s="133"/>
      <c r="V98" s="133"/>
      <c r="W98" s="133"/>
      <c r="X98" s="133"/>
      <c r="Y98" s="133"/>
      <c r="Z98" s="133"/>
      <c r="AA98" s="133"/>
      <c r="AB98" s="133"/>
      <c r="AC98" s="133"/>
      <c r="AD98" s="133"/>
      <c r="AE98" s="133"/>
      <c r="AF98" s="133"/>
      <c r="AG98" s="133"/>
      <c r="AH98" s="133"/>
      <c r="AI98" s="133"/>
      <c r="AJ98" s="133"/>
      <c r="AK98" s="96"/>
    </row>
    <row r="99" spans="1:38" s="76" customFormat="1" ht="13.5" customHeight="1" thickBot="1">
      <c r="A99" s="135" t="s">
        <v>634</v>
      </c>
      <c r="C99" s="133"/>
      <c r="D99" s="133"/>
      <c r="E99" s="133"/>
      <c r="F99" s="133"/>
      <c r="G99" s="133"/>
      <c r="H99" s="133"/>
      <c r="I99" s="133"/>
      <c r="J99" s="133"/>
      <c r="K99" s="133"/>
      <c r="L99" s="133"/>
      <c r="M99" s="133"/>
      <c r="N99" s="133"/>
      <c r="O99" s="133"/>
      <c r="P99" s="133"/>
      <c r="Q99" s="133"/>
      <c r="R99" s="133"/>
      <c r="S99" s="133"/>
      <c r="T99" s="133"/>
      <c r="U99" s="133"/>
      <c r="V99" s="133"/>
      <c r="W99" s="133"/>
      <c r="X99" s="133"/>
      <c r="Y99" s="133"/>
      <c r="Z99" s="133"/>
      <c r="AA99" s="133"/>
      <c r="AB99" s="133"/>
      <c r="AC99" s="133"/>
      <c r="AD99" s="133"/>
      <c r="AE99" s="133"/>
      <c r="AF99" s="133"/>
      <c r="AG99" s="133"/>
      <c r="AH99" s="133"/>
      <c r="AI99" s="133"/>
      <c r="AJ99" s="133"/>
      <c r="AK99" s="96"/>
    </row>
    <row r="100" spans="1:38" s="76" customFormat="1" ht="13.5" customHeight="1" thickTop="1">
      <c r="A100" s="266">
        <v>7</v>
      </c>
      <c r="B100" s="267"/>
      <c r="C100" s="270" t="s">
        <v>635</v>
      </c>
      <c r="D100" s="271"/>
      <c r="E100" s="271"/>
      <c r="F100" s="271"/>
      <c r="G100" s="271"/>
      <c r="H100" s="271"/>
      <c r="I100" s="271"/>
      <c r="J100" s="271"/>
      <c r="K100" s="271"/>
      <c r="L100" s="271"/>
      <c r="M100" s="271"/>
      <c r="N100" s="271"/>
      <c r="O100" s="271"/>
      <c r="P100" s="271"/>
      <c r="Q100" s="271"/>
      <c r="R100" s="271"/>
      <c r="S100" s="271"/>
      <c r="T100" s="271"/>
      <c r="U100" s="271"/>
      <c r="V100" s="271"/>
      <c r="W100" s="271"/>
      <c r="X100" s="271"/>
      <c r="Y100" s="271"/>
      <c r="Z100" s="271"/>
      <c r="AA100" s="271"/>
      <c r="AB100" s="271"/>
      <c r="AC100" s="271"/>
      <c r="AD100" s="271"/>
      <c r="AE100" s="271"/>
      <c r="AF100" s="271"/>
      <c r="AG100" s="271"/>
      <c r="AH100" s="271"/>
      <c r="AI100" s="271"/>
      <c r="AJ100" s="279"/>
      <c r="AK100" s="275"/>
      <c r="AL100" s="276"/>
    </row>
    <row r="101" spans="1:38" s="76" customFormat="1" ht="13.5" customHeight="1" thickBot="1">
      <c r="A101" s="268"/>
      <c r="B101" s="269"/>
      <c r="C101" s="272"/>
      <c r="D101" s="281"/>
      <c r="E101" s="281"/>
      <c r="F101" s="281"/>
      <c r="G101" s="281"/>
      <c r="H101" s="281"/>
      <c r="I101" s="281"/>
      <c r="J101" s="281"/>
      <c r="K101" s="281"/>
      <c r="L101" s="281"/>
      <c r="M101" s="281"/>
      <c r="N101" s="281"/>
      <c r="O101" s="281"/>
      <c r="P101" s="281"/>
      <c r="Q101" s="281"/>
      <c r="R101" s="281"/>
      <c r="S101" s="281"/>
      <c r="T101" s="281"/>
      <c r="U101" s="281"/>
      <c r="V101" s="281"/>
      <c r="W101" s="281"/>
      <c r="X101" s="281"/>
      <c r="Y101" s="281"/>
      <c r="Z101" s="281"/>
      <c r="AA101" s="281"/>
      <c r="AB101" s="281"/>
      <c r="AC101" s="281"/>
      <c r="AD101" s="281"/>
      <c r="AE101" s="281"/>
      <c r="AF101" s="281"/>
      <c r="AG101" s="281"/>
      <c r="AH101" s="281"/>
      <c r="AI101" s="281"/>
      <c r="AJ101" s="312"/>
      <c r="AK101" s="277"/>
      <c r="AL101" s="278"/>
    </row>
    <row r="102" spans="1:38" s="76" customFormat="1" ht="13.5" customHeight="1" thickTop="1">
      <c r="C102" s="273"/>
      <c r="D102" s="274"/>
      <c r="E102" s="274"/>
      <c r="F102" s="274"/>
      <c r="G102" s="274"/>
      <c r="H102" s="274"/>
      <c r="I102" s="274"/>
      <c r="J102" s="274"/>
      <c r="K102" s="274"/>
      <c r="L102" s="274"/>
      <c r="M102" s="274"/>
      <c r="N102" s="274"/>
      <c r="O102" s="274"/>
      <c r="P102" s="274"/>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134"/>
    </row>
    <row r="103" spans="1:38" s="76" customFormat="1" ht="13.5" customHeight="1">
      <c r="C103" s="133"/>
      <c r="D103" s="133"/>
      <c r="E103" s="133"/>
      <c r="F103" s="133"/>
      <c r="G103" s="133"/>
      <c r="H103" s="133"/>
      <c r="I103" s="133"/>
      <c r="J103" s="133"/>
      <c r="K103" s="133"/>
      <c r="L103" s="133"/>
      <c r="M103" s="133"/>
      <c r="N103" s="133"/>
      <c r="O103" s="133"/>
      <c r="P103" s="133"/>
      <c r="Q103" s="133"/>
      <c r="R103" s="133"/>
      <c r="S103" s="133"/>
      <c r="T103" s="133"/>
      <c r="U103" s="133"/>
      <c r="V103" s="133"/>
      <c r="W103" s="133"/>
      <c r="X103" s="133"/>
      <c r="Y103" s="133"/>
      <c r="Z103" s="133"/>
      <c r="AA103" s="133"/>
      <c r="AB103" s="133"/>
      <c r="AC103" s="133"/>
      <c r="AD103" s="133"/>
      <c r="AE103" s="133"/>
      <c r="AF103" s="133"/>
      <c r="AG103" s="133"/>
      <c r="AH103" s="133"/>
      <c r="AI103" s="133"/>
      <c r="AJ103" s="133"/>
      <c r="AK103" s="96"/>
    </row>
    <row r="104" spans="1:38" s="76" customFormat="1" ht="13.5" customHeight="1" thickBot="1">
      <c r="A104" s="135" t="s">
        <v>636</v>
      </c>
      <c r="C104" s="133"/>
      <c r="D104" s="133"/>
      <c r="E104" s="133"/>
      <c r="F104" s="133"/>
      <c r="G104" s="133"/>
      <c r="H104" s="133"/>
      <c r="I104" s="133"/>
      <c r="J104" s="133"/>
      <c r="K104" s="133"/>
      <c r="L104" s="133"/>
      <c r="M104" s="133"/>
      <c r="N104" s="133"/>
      <c r="O104" s="133"/>
      <c r="P104" s="133"/>
      <c r="Q104" s="133"/>
      <c r="R104" s="133"/>
      <c r="S104" s="133"/>
      <c r="T104" s="133"/>
      <c r="U104" s="133"/>
      <c r="V104" s="133"/>
      <c r="W104" s="133"/>
      <c r="X104" s="133"/>
      <c r="Y104" s="133"/>
      <c r="Z104" s="133"/>
      <c r="AA104" s="133"/>
      <c r="AB104" s="133"/>
      <c r="AC104" s="133"/>
      <c r="AD104" s="133"/>
      <c r="AE104" s="133"/>
      <c r="AF104" s="133"/>
      <c r="AG104" s="133"/>
      <c r="AH104" s="133"/>
      <c r="AI104" s="133"/>
      <c r="AJ104" s="133"/>
      <c r="AK104" s="96"/>
    </row>
    <row r="105" spans="1:38" s="76" customFormat="1" ht="13.5" customHeight="1" thickTop="1">
      <c r="A105" s="266">
        <v>8</v>
      </c>
      <c r="B105" s="267"/>
      <c r="C105" s="270" t="s">
        <v>637</v>
      </c>
      <c r="D105" s="271"/>
      <c r="E105" s="271"/>
      <c r="F105" s="271"/>
      <c r="G105" s="271"/>
      <c r="H105" s="271"/>
      <c r="I105" s="271"/>
      <c r="J105" s="271"/>
      <c r="K105" s="271"/>
      <c r="L105" s="271"/>
      <c r="M105" s="271"/>
      <c r="N105" s="271"/>
      <c r="O105" s="271"/>
      <c r="P105" s="271"/>
      <c r="Q105" s="271"/>
      <c r="R105" s="271"/>
      <c r="S105" s="271"/>
      <c r="T105" s="271"/>
      <c r="U105" s="271"/>
      <c r="V105" s="271"/>
      <c r="W105" s="271"/>
      <c r="X105" s="271"/>
      <c r="Y105" s="271"/>
      <c r="Z105" s="271"/>
      <c r="AA105" s="271"/>
      <c r="AB105" s="271"/>
      <c r="AC105" s="271"/>
      <c r="AD105" s="271"/>
      <c r="AE105" s="271"/>
      <c r="AF105" s="271"/>
      <c r="AG105" s="271"/>
      <c r="AH105" s="271"/>
      <c r="AI105" s="271"/>
      <c r="AJ105" s="279"/>
      <c r="AK105" s="275"/>
      <c r="AL105" s="276"/>
    </row>
    <row r="106" spans="1:38" s="76" customFormat="1" ht="13.5" customHeight="1" thickBot="1">
      <c r="A106" s="268"/>
      <c r="B106" s="269"/>
      <c r="C106" s="272"/>
      <c r="D106" s="281"/>
      <c r="E106" s="281"/>
      <c r="F106" s="281"/>
      <c r="G106" s="281"/>
      <c r="H106" s="281"/>
      <c r="I106" s="281"/>
      <c r="J106" s="281"/>
      <c r="K106" s="281"/>
      <c r="L106" s="281"/>
      <c r="M106" s="281"/>
      <c r="N106" s="281"/>
      <c r="O106" s="281"/>
      <c r="P106" s="281"/>
      <c r="Q106" s="281"/>
      <c r="R106" s="281"/>
      <c r="S106" s="281"/>
      <c r="T106" s="281"/>
      <c r="U106" s="281"/>
      <c r="V106" s="281"/>
      <c r="W106" s="281"/>
      <c r="X106" s="281"/>
      <c r="Y106" s="281"/>
      <c r="Z106" s="281"/>
      <c r="AA106" s="281"/>
      <c r="AB106" s="281"/>
      <c r="AC106" s="281"/>
      <c r="AD106" s="281"/>
      <c r="AE106" s="281"/>
      <c r="AF106" s="281"/>
      <c r="AG106" s="281"/>
      <c r="AH106" s="281"/>
      <c r="AI106" s="281"/>
      <c r="AJ106" s="312"/>
      <c r="AK106" s="277"/>
      <c r="AL106" s="278"/>
    </row>
    <row r="107" spans="1:38" s="76" customFormat="1" ht="13.5" customHeight="1" thickTop="1">
      <c r="C107" s="273"/>
      <c r="D107" s="274"/>
      <c r="E107" s="274"/>
      <c r="F107" s="274"/>
      <c r="G107" s="274"/>
      <c r="H107" s="274"/>
      <c r="I107" s="274"/>
      <c r="J107" s="274"/>
      <c r="K107" s="274"/>
      <c r="L107" s="274"/>
      <c r="M107" s="274"/>
      <c r="N107" s="274"/>
      <c r="O107" s="274"/>
      <c r="P107" s="274"/>
      <c r="Q107" s="274"/>
      <c r="R107" s="274"/>
      <c r="S107" s="274"/>
      <c r="T107" s="274"/>
      <c r="U107" s="274"/>
      <c r="V107" s="274"/>
      <c r="W107" s="274"/>
      <c r="X107" s="274"/>
      <c r="Y107" s="274"/>
      <c r="Z107" s="274"/>
      <c r="AA107" s="274"/>
      <c r="AB107" s="274"/>
      <c r="AC107" s="274"/>
      <c r="AD107" s="274"/>
      <c r="AE107" s="274"/>
      <c r="AF107" s="274"/>
      <c r="AG107" s="274"/>
      <c r="AH107" s="274"/>
      <c r="AI107" s="274"/>
      <c r="AJ107" s="274"/>
      <c r="AK107" s="134"/>
    </row>
    <row r="108" spans="1:38" s="76" customFormat="1" ht="13.5" customHeight="1">
      <c r="C108" s="133"/>
      <c r="D108" s="133"/>
      <c r="E108" s="133"/>
      <c r="F108" s="133"/>
      <c r="G108" s="133"/>
      <c r="H108" s="133"/>
      <c r="I108" s="133"/>
      <c r="J108" s="133"/>
      <c r="K108" s="133"/>
      <c r="L108" s="133"/>
      <c r="M108" s="133"/>
      <c r="N108" s="133"/>
      <c r="O108" s="133"/>
      <c r="P108" s="133"/>
      <c r="Q108" s="133"/>
      <c r="R108" s="133"/>
      <c r="S108" s="133"/>
      <c r="T108" s="133"/>
      <c r="U108" s="133"/>
      <c r="V108" s="133"/>
      <c r="W108" s="133"/>
      <c r="X108" s="133"/>
      <c r="Y108" s="133"/>
      <c r="Z108" s="133"/>
      <c r="AA108" s="133"/>
      <c r="AB108" s="133"/>
      <c r="AC108" s="133"/>
      <c r="AD108" s="133"/>
      <c r="AE108" s="133"/>
      <c r="AF108" s="133"/>
      <c r="AG108" s="133"/>
      <c r="AH108" s="133"/>
      <c r="AI108" s="133"/>
      <c r="AJ108" s="133"/>
      <c r="AK108" s="96"/>
    </row>
    <row r="109" spans="1:38" s="76" customFormat="1" ht="13.5" customHeight="1">
      <c r="A109" s="127" t="s">
        <v>38</v>
      </c>
    </row>
    <row r="110" spans="1:38" s="76" customFormat="1" ht="13.5" customHeight="1" thickBot="1">
      <c r="A110" s="129" t="s">
        <v>469</v>
      </c>
    </row>
    <row r="111" spans="1:38" s="76" customFormat="1" ht="13.5" customHeight="1" thickTop="1">
      <c r="A111" s="266">
        <v>9</v>
      </c>
      <c r="B111" s="302"/>
      <c r="C111" s="248" t="s">
        <v>487</v>
      </c>
      <c r="D111" s="249"/>
      <c r="E111" s="249"/>
      <c r="F111" s="249"/>
      <c r="G111" s="249"/>
      <c r="H111" s="249"/>
      <c r="I111" s="249"/>
      <c r="J111" s="249"/>
      <c r="K111" s="249"/>
      <c r="L111" s="249"/>
      <c r="M111" s="249"/>
      <c r="N111" s="249"/>
      <c r="O111" s="249"/>
      <c r="P111" s="249"/>
      <c r="Q111" s="249"/>
      <c r="R111" s="249"/>
      <c r="S111" s="249"/>
      <c r="T111" s="249"/>
      <c r="U111" s="249"/>
      <c r="V111" s="249"/>
      <c r="W111" s="249"/>
      <c r="X111" s="249"/>
      <c r="Y111" s="249"/>
      <c r="Z111" s="249"/>
      <c r="AA111" s="249"/>
      <c r="AB111" s="249"/>
      <c r="AC111" s="249"/>
      <c r="AD111" s="249"/>
      <c r="AE111" s="249"/>
      <c r="AF111" s="249"/>
      <c r="AG111" s="249"/>
      <c r="AH111" s="249"/>
      <c r="AI111" s="249"/>
      <c r="AJ111" s="249"/>
      <c r="AK111" s="275"/>
      <c r="AL111" s="276"/>
    </row>
    <row r="112" spans="1:38" s="76" customFormat="1" ht="13.5" customHeight="1" thickBot="1">
      <c r="A112" s="268"/>
      <c r="B112" s="303"/>
      <c r="C112" s="250"/>
      <c r="D112" s="251"/>
      <c r="E112" s="251"/>
      <c r="F112" s="251"/>
      <c r="G112" s="251"/>
      <c r="H112" s="251"/>
      <c r="I112" s="251"/>
      <c r="J112" s="251"/>
      <c r="K112" s="251"/>
      <c r="L112" s="251"/>
      <c r="M112" s="251"/>
      <c r="N112" s="251"/>
      <c r="O112" s="251"/>
      <c r="P112" s="251"/>
      <c r="Q112" s="251"/>
      <c r="R112" s="251"/>
      <c r="S112" s="251"/>
      <c r="T112" s="251"/>
      <c r="U112" s="251"/>
      <c r="V112" s="251"/>
      <c r="W112" s="251"/>
      <c r="X112" s="251"/>
      <c r="Y112" s="251"/>
      <c r="Z112" s="251"/>
      <c r="AA112" s="251"/>
      <c r="AB112" s="251"/>
      <c r="AC112" s="251"/>
      <c r="AD112" s="251"/>
      <c r="AE112" s="251"/>
      <c r="AF112" s="251"/>
      <c r="AG112" s="251"/>
      <c r="AH112" s="251"/>
      <c r="AI112" s="251"/>
      <c r="AJ112" s="251"/>
      <c r="AK112" s="277"/>
      <c r="AL112" s="278"/>
    </row>
    <row r="113" spans="1:38" s="76" customFormat="1" ht="13.5" customHeight="1" thickTop="1">
      <c r="A113" s="125"/>
      <c r="B113" s="125"/>
      <c r="C113" s="252"/>
      <c r="D113" s="253"/>
      <c r="E113" s="253"/>
      <c r="F113" s="253"/>
      <c r="G113" s="253"/>
      <c r="H113" s="253"/>
      <c r="I113" s="253"/>
      <c r="J113" s="253"/>
      <c r="K113" s="253"/>
      <c r="L113" s="253"/>
      <c r="M113" s="253"/>
      <c r="N113" s="253"/>
      <c r="O113" s="253"/>
      <c r="P113" s="253"/>
      <c r="Q113" s="253"/>
      <c r="R113" s="253"/>
      <c r="S113" s="253"/>
      <c r="T113" s="253"/>
      <c r="U113" s="253"/>
      <c r="V113" s="253"/>
      <c r="W113" s="253"/>
      <c r="X113" s="253"/>
      <c r="Y113" s="253"/>
      <c r="Z113" s="253"/>
      <c r="AA113" s="253"/>
      <c r="AB113" s="253"/>
      <c r="AC113" s="253"/>
      <c r="AD113" s="253"/>
      <c r="AE113" s="253"/>
      <c r="AF113" s="253"/>
      <c r="AG113" s="253"/>
      <c r="AH113" s="253"/>
      <c r="AI113" s="253"/>
      <c r="AJ113" s="254"/>
      <c r="AK113" s="126"/>
      <c r="AL113" s="126"/>
    </row>
    <row r="114" spans="1:38" s="76" customFormat="1" ht="13.5" customHeight="1">
      <c r="O114" s="136"/>
      <c r="P114" s="136"/>
      <c r="Q114" s="136"/>
      <c r="R114" s="136"/>
      <c r="S114" s="125"/>
      <c r="T114" s="125"/>
      <c r="U114" s="125"/>
      <c r="V114" s="125"/>
      <c r="W114" s="125"/>
      <c r="X114" s="126"/>
      <c r="Y114" s="126"/>
      <c r="Z114" s="126"/>
      <c r="AA114" s="126"/>
      <c r="AB114" s="126"/>
      <c r="AC114" s="126"/>
      <c r="AD114" s="126"/>
      <c r="AE114" s="126"/>
      <c r="AF114" s="126"/>
      <c r="AG114" s="126"/>
      <c r="AH114" s="126"/>
      <c r="AI114" s="126"/>
      <c r="AJ114" s="126"/>
      <c r="AK114" s="126"/>
      <c r="AL114" s="126"/>
    </row>
    <row r="115" spans="1:38" s="76" customFormat="1" ht="13.5" customHeight="1" thickBot="1">
      <c r="C115" s="76" t="s">
        <v>180</v>
      </c>
    </row>
    <row r="116" spans="1:38" s="76" customFormat="1" ht="13.5" customHeight="1" thickTop="1">
      <c r="A116" s="266">
        <v>10</v>
      </c>
      <c r="B116" s="267"/>
      <c r="C116" s="248" t="s">
        <v>488</v>
      </c>
      <c r="D116" s="249"/>
      <c r="E116" s="249"/>
      <c r="F116" s="249"/>
      <c r="G116" s="249"/>
      <c r="H116" s="249"/>
      <c r="I116" s="249"/>
      <c r="J116" s="249"/>
      <c r="K116" s="249"/>
      <c r="L116" s="249"/>
      <c r="M116" s="249"/>
      <c r="N116" s="249"/>
      <c r="O116" s="249"/>
      <c r="P116" s="249"/>
      <c r="Q116" s="249"/>
      <c r="R116" s="249"/>
      <c r="S116" s="249"/>
      <c r="T116" s="249"/>
      <c r="U116" s="249"/>
      <c r="V116" s="249"/>
      <c r="W116" s="249"/>
      <c r="X116" s="249"/>
      <c r="Y116" s="249"/>
      <c r="Z116" s="249"/>
      <c r="AA116" s="249"/>
      <c r="AB116" s="249"/>
      <c r="AC116" s="249"/>
      <c r="AD116" s="249"/>
      <c r="AE116" s="249"/>
      <c r="AF116" s="249"/>
      <c r="AG116" s="249"/>
      <c r="AH116" s="249"/>
      <c r="AI116" s="249"/>
      <c r="AJ116" s="304"/>
      <c r="AK116" s="275"/>
      <c r="AL116" s="276"/>
    </row>
    <row r="117" spans="1:38" s="76" customFormat="1" ht="13.5" customHeight="1" thickBot="1">
      <c r="A117" s="268"/>
      <c r="B117" s="269"/>
      <c r="C117" s="252"/>
      <c r="D117" s="253"/>
      <c r="E117" s="253"/>
      <c r="F117" s="253"/>
      <c r="G117" s="253"/>
      <c r="H117" s="253"/>
      <c r="I117" s="253"/>
      <c r="J117" s="253"/>
      <c r="K117" s="253"/>
      <c r="L117" s="253"/>
      <c r="M117" s="253"/>
      <c r="N117" s="253"/>
      <c r="O117" s="253"/>
      <c r="P117" s="253"/>
      <c r="Q117" s="253"/>
      <c r="R117" s="253"/>
      <c r="S117" s="253"/>
      <c r="T117" s="253"/>
      <c r="U117" s="253"/>
      <c r="V117" s="253"/>
      <c r="W117" s="253"/>
      <c r="X117" s="253"/>
      <c r="Y117" s="253"/>
      <c r="Z117" s="253"/>
      <c r="AA117" s="253"/>
      <c r="AB117" s="253"/>
      <c r="AC117" s="253"/>
      <c r="AD117" s="253"/>
      <c r="AE117" s="253"/>
      <c r="AF117" s="253"/>
      <c r="AG117" s="253"/>
      <c r="AH117" s="253"/>
      <c r="AI117" s="253"/>
      <c r="AJ117" s="305"/>
      <c r="AK117" s="277"/>
      <c r="AL117" s="278"/>
    </row>
    <row r="118" spans="1:38" s="76" customFormat="1" ht="13.5" customHeight="1" thickTop="1" thickBot="1">
      <c r="A118" s="96"/>
      <c r="B118" s="96"/>
      <c r="C118" s="133"/>
      <c r="D118" s="133"/>
      <c r="E118" s="133"/>
      <c r="F118" s="133"/>
      <c r="G118" s="133"/>
      <c r="H118" s="133"/>
      <c r="I118" s="126"/>
      <c r="J118" s="126"/>
      <c r="K118" s="133"/>
      <c r="L118" s="133"/>
      <c r="M118" s="133"/>
      <c r="N118" s="133"/>
      <c r="O118" s="133"/>
      <c r="P118" s="133"/>
      <c r="Q118" s="133"/>
      <c r="R118" s="133"/>
      <c r="S118" s="133"/>
      <c r="T118" s="133"/>
      <c r="U118" s="133"/>
      <c r="V118" s="133"/>
      <c r="W118" s="133"/>
      <c r="X118" s="133"/>
      <c r="Y118" s="133"/>
      <c r="Z118" s="133"/>
      <c r="AA118" s="133"/>
      <c r="AB118" s="133"/>
      <c r="AC118" s="133"/>
      <c r="AD118" s="133"/>
      <c r="AE118" s="133"/>
      <c r="AF118" s="133"/>
      <c r="AG118" s="133"/>
      <c r="AH118" s="133"/>
      <c r="AI118" s="133"/>
      <c r="AJ118" s="133"/>
      <c r="AK118" s="126"/>
      <c r="AL118" s="126"/>
    </row>
    <row r="119" spans="1:38" s="76" customFormat="1" ht="13.5" customHeight="1" thickTop="1">
      <c r="A119" s="96"/>
      <c r="B119" s="96"/>
      <c r="C119" s="285" t="s">
        <v>41</v>
      </c>
      <c r="D119" s="286"/>
      <c r="E119" s="286"/>
      <c r="F119" s="286"/>
      <c r="G119" s="286"/>
      <c r="H119" s="286"/>
      <c r="I119" s="286"/>
      <c r="J119" s="286"/>
      <c r="K119" s="286"/>
      <c r="L119" s="287"/>
      <c r="M119" s="285" t="s">
        <v>178</v>
      </c>
      <c r="N119" s="286"/>
      <c r="O119" s="286"/>
      <c r="P119" s="286"/>
      <c r="Q119" s="286"/>
      <c r="R119" s="286"/>
      <c r="S119" s="286"/>
      <c r="T119" s="286"/>
      <c r="U119" s="286"/>
      <c r="V119" s="286"/>
      <c r="W119" s="286"/>
      <c r="X119" s="286"/>
      <c r="Y119" s="286"/>
      <c r="Z119" s="286"/>
      <c r="AA119" s="286"/>
      <c r="AB119" s="286"/>
      <c r="AC119" s="286"/>
      <c r="AD119" s="286"/>
      <c r="AE119" s="286"/>
      <c r="AF119" s="286"/>
      <c r="AG119" s="286"/>
      <c r="AH119" s="286"/>
      <c r="AI119" s="286"/>
      <c r="AJ119" s="286"/>
      <c r="AK119" s="275"/>
      <c r="AL119" s="276"/>
    </row>
    <row r="120" spans="1:38" s="76" customFormat="1" ht="13.5" customHeight="1" thickBot="1">
      <c r="A120" s="96"/>
      <c r="B120" s="96"/>
      <c r="C120" s="309"/>
      <c r="D120" s="251"/>
      <c r="E120" s="251"/>
      <c r="F120" s="251"/>
      <c r="G120" s="251"/>
      <c r="H120" s="251"/>
      <c r="I120" s="251"/>
      <c r="J120" s="251"/>
      <c r="K120" s="251"/>
      <c r="L120" s="310"/>
      <c r="M120" s="309"/>
      <c r="N120" s="251"/>
      <c r="O120" s="251"/>
      <c r="P120" s="251"/>
      <c r="Q120" s="251"/>
      <c r="R120" s="251"/>
      <c r="S120" s="251"/>
      <c r="T120" s="251"/>
      <c r="U120" s="251"/>
      <c r="V120" s="251"/>
      <c r="W120" s="251"/>
      <c r="X120" s="251"/>
      <c r="Y120" s="251"/>
      <c r="Z120" s="251"/>
      <c r="AA120" s="251"/>
      <c r="AB120" s="251"/>
      <c r="AC120" s="251"/>
      <c r="AD120" s="251"/>
      <c r="AE120" s="251"/>
      <c r="AF120" s="251"/>
      <c r="AG120" s="251"/>
      <c r="AH120" s="251"/>
      <c r="AI120" s="251"/>
      <c r="AJ120" s="251"/>
      <c r="AK120" s="277"/>
      <c r="AL120" s="278"/>
    </row>
    <row r="121" spans="1:38" s="76" customFormat="1" ht="13.5" customHeight="1" thickTop="1">
      <c r="A121" s="96"/>
      <c r="B121" s="96"/>
      <c r="C121" s="309"/>
      <c r="D121" s="251"/>
      <c r="E121" s="251"/>
      <c r="F121" s="251"/>
      <c r="G121" s="251"/>
      <c r="H121" s="251"/>
      <c r="I121" s="251"/>
      <c r="J121" s="251"/>
      <c r="K121" s="251"/>
      <c r="L121" s="310"/>
      <c r="M121" s="309"/>
      <c r="N121" s="251"/>
      <c r="O121" s="251"/>
      <c r="P121" s="251"/>
      <c r="Q121" s="251"/>
      <c r="R121" s="251"/>
      <c r="S121" s="251"/>
      <c r="T121" s="251"/>
      <c r="U121" s="251"/>
      <c r="V121" s="251"/>
      <c r="W121" s="251"/>
      <c r="X121" s="251"/>
      <c r="Y121" s="251"/>
      <c r="Z121" s="251"/>
      <c r="AA121" s="251"/>
      <c r="AB121" s="251"/>
      <c r="AC121" s="251"/>
      <c r="AD121" s="251"/>
      <c r="AE121" s="251"/>
      <c r="AF121" s="251"/>
      <c r="AG121" s="251"/>
      <c r="AH121" s="251"/>
      <c r="AI121" s="251"/>
      <c r="AJ121" s="251"/>
      <c r="AK121" s="137"/>
      <c r="AL121" s="126"/>
    </row>
    <row r="122" spans="1:38" s="76" customFormat="1" ht="13.5" customHeight="1" thickBot="1">
      <c r="A122" s="96"/>
      <c r="B122" s="96"/>
      <c r="C122" s="288"/>
      <c r="D122" s="289"/>
      <c r="E122" s="289"/>
      <c r="F122" s="289"/>
      <c r="G122" s="289"/>
      <c r="H122" s="289"/>
      <c r="I122" s="289"/>
      <c r="J122" s="289"/>
      <c r="K122" s="289"/>
      <c r="L122" s="290"/>
      <c r="M122" s="288"/>
      <c r="N122" s="289"/>
      <c r="O122" s="289"/>
      <c r="P122" s="289"/>
      <c r="Q122" s="289"/>
      <c r="R122" s="289"/>
      <c r="S122" s="289"/>
      <c r="T122" s="289"/>
      <c r="U122" s="289"/>
      <c r="V122" s="289"/>
      <c r="W122" s="289"/>
      <c r="X122" s="289"/>
      <c r="Y122" s="289"/>
      <c r="Z122" s="289"/>
      <c r="AA122" s="289"/>
      <c r="AB122" s="289"/>
      <c r="AC122" s="289"/>
      <c r="AD122" s="289"/>
      <c r="AE122" s="289"/>
      <c r="AF122" s="289"/>
      <c r="AG122" s="289"/>
      <c r="AH122" s="289"/>
      <c r="AI122" s="289"/>
      <c r="AJ122" s="289"/>
      <c r="AK122" s="140"/>
      <c r="AL122" s="126"/>
    </row>
    <row r="123" spans="1:38" s="76" customFormat="1" ht="13.5" customHeight="1" thickTop="1">
      <c r="A123" s="96"/>
      <c r="B123" s="96"/>
      <c r="C123" s="285" t="s">
        <v>42</v>
      </c>
      <c r="D123" s="286"/>
      <c r="E123" s="286"/>
      <c r="F123" s="286"/>
      <c r="G123" s="286"/>
      <c r="H123" s="286"/>
      <c r="I123" s="286"/>
      <c r="J123" s="286"/>
      <c r="K123" s="286"/>
      <c r="L123" s="287"/>
      <c r="M123" s="285" t="s">
        <v>179</v>
      </c>
      <c r="N123" s="286"/>
      <c r="O123" s="286"/>
      <c r="P123" s="286"/>
      <c r="Q123" s="286"/>
      <c r="R123" s="286"/>
      <c r="S123" s="286"/>
      <c r="T123" s="286"/>
      <c r="U123" s="286"/>
      <c r="V123" s="286"/>
      <c r="W123" s="286"/>
      <c r="X123" s="286"/>
      <c r="Y123" s="286"/>
      <c r="Z123" s="286"/>
      <c r="AA123" s="286"/>
      <c r="AB123" s="286"/>
      <c r="AC123" s="286"/>
      <c r="AD123" s="286"/>
      <c r="AE123" s="286"/>
      <c r="AF123" s="286"/>
      <c r="AG123" s="286"/>
      <c r="AH123" s="286"/>
      <c r="AI123" s="286"/>
      <c r="AJ123" s="286"/>
      <c r="AK123" s="275"/>
      <c r="AL123" s="276"/>
    </row>
    <row r="124" spans="1:38" s="76" customFormat="1" ht="13.5" customHeight="1" thickBot="1">
      <c r="A124" s="96"/>
      <c r="B124" s="96"/>
      <c r="C124" s="309"/>
      <c r="D124" s="251"/>
      <c r="E124" s="251"/>
      <c r="F124" s="251"/>
      <c r="G124" s="251"/>
      <c r="H124" s="251"/>
      <c r="I124" s="251"/>
      <c r="J124" s="251"/>
      <c r="K124" s="251"/>
      <c r="L124" s="310"/>
      <c r="M124" s="309"/>
      <c r="N124" s="251"/>
      <c r="O124" s="251"/>
      <c r="P124" s="251"/>
      <c r="Q124" s="251"/>
      <c r="R124" s="251"/>
      <c r="S124" s="251"/>
      <c r="T124" s="251"/>
      <c r="U124" s="251"/>
      <c r="V124" s="251"/>
      <c r="W124" s="251"/>
      <c r="X124" s="251"/>
      <c r="Y124" s="251"/>
      <c r="Z124" s="251"/>
      <c r="AA124" s="251"/>
      <c r="AB124" s="251"/>
      <c r="AC124" s="251"/>
      <c r="AD124" s="251"/>
      <c r="AE124" s="251"/>
      <c r="AF124" s="251"/>
      <c r="AG124" s="251"/>
      <c r="AH124" s="251"/>
      <c r="AI124" s="251"/>
      <c r="AJ124" s="251"/>
      <c r="AK124" s="277"/>
      <c r="AL124" s="278"/>
    </row>
    <row r="125" spans="1:38" s="76" customFormat="1" ht="13.5" customHeight="1" thickTop="1">
      <c r="A125" s="96"/>
      <c r="B125" s="96"/>
      <c r="C125" s="309"/>
      <c r="D125" s="251"/>
      <c r="E125" s="251"/>
      <c r="F125" s="251"/>
      <c r="G125" s="251"/>
      <c r="H125" s="251"/>
      <c r="I125" s="251"/>
      <c r="J125" s="251"/>
      <c r="K125" s="251"/>
      <c r="L125" s="310"/>
      <c r="M125" s="309"/>
      <c r="N125" s="251"/>
      <c r="O125" s="251"/>
      <c r="P125" s="251"/>
      <c r="Q125" s="251"/>
      <c r="R125" s="251"/>
      <c r="S125" s="251"/>
      <c r="T125" s="251"/>
      <c r="U125" s="251"/>
      <c r="V125" s="251"/>
      <c r="W125" s="251"/>
      <c r="X125" s="251"/>
      <c r="Y125" s="251"/>
      <c r="Z125" s="251"/>
      <c r="AA125" s="251"/>
      <c r="AB125" s="251"/>
      <c r="AC125" s="251"/>
      <c r="AD125" s="251"/>
      <c r="AE125" s="251"/>
      <c r="AF125" s="251"/>
      <c r="AG125" s="251"/>
      <c r="AH125" s="251"/>
      <c r="AI125" s="251"/>
      <c r="AJ125" s="251"/>
      <c r="AK125" s="137"/>
      <c r="AL125" s="126"/>
    </row>
    <row r="126" spans="1:38" s="76" customFormat="1" ht="13.5" customHeight="1">
      <c r="A126" s="96"/>
      <c r="B126" s="96"/>
      <c r="C126" s="288"/>
      <c r="D126" s="289"/>
      <c r="E126" s="289"/>
      <c r="F126" s="289"/>
      <c r="G126" s="289"/>
      <c r="H126" s="289"/>
      <c r="I126" s="289"/>
      <c r="J126" s="289"/>
      <c r="K126" s="289"/>
      <c r="L126" s="290"/>
      <c r="M126" s="288"/>
      <c r="N126" s="289"/>
      <c r="O126" s="289"/>
      <c r="P126" s="289"/>
      <c r="Q126" s="289"/>
      <c r="R126" s="289"/>
      <c r="S126" s="289"/>
      <c r="T126" s="289"/>
      <c r="U126" s="289"/>
      <c r="V126" s="289"/>
      <c r="W126" s="289"/>
      <c r="X126" s="289"/>
      <c r="Y126" s="289"/>
      <c r="Z126" s="289"/>
      <c r="AA126" s="289"/>
      <c r="AB126" s="289"/>
      <c r="AC126" s="289"/>
      <c r="AD126" s="289"/>
      <c r="AE126" s="289"/>
      <c r="AF126" s="289"/>
      <c r="AG126" s="289"/>
      <c r="AH126" s="289"/>
      <c r="AI126" s="289"/>
      <c r="AJ126" s="289"/>
      <c r="AK126" s="138"/>
      <c r="AL126" s="126"/>
    </row>
    <row r="127" spans="1:38" s="76" customFormat="1" ht="13.5" customHeight="1">
      <c r="A127" s="96"/>
      <c r="B127" s="96"/>
      <c r="C127" s="133"/>
      <c r="D127" s="133"/>
      <c r="E127" s="133"/>
      <c r="F127" s="133"/>
      <c r="G127" s="133"/>
      <c r="H127" s="133"/>
      <c r="I127" s="126"/>
      <c r="J127" s="126"/>
      <c r="K127" s="133"/>
      <c r="L127" s="133"/>
      <c r="M127" s="133"/>
      <c r="N127" s="133"/>
      <c r="O127" s="133"/>
      <c r="P127" s="133"/>
      <c r="Q127" s="133"/>
      <c r="R127" s="133"/>
      <c r="S127" s="133"/>
      <c r="T127" s="133"/>
      <c r="U127" s="133"/>
      <c r="V127" s="133"/>
      <c r="W127" s="133"/>
      <c r="X127" s="133"/>
      <c r="Y127" s="133"/>
      <c r="Z127" s="133"/>
      <c r="AA127" s="133"/>
      <c r="AB127" s="133"/>
      <c r="AC127" s="133"/>
      <c r="AD127" s="133"/>
      <c r="AE127" s="133"/>
      <c r="AF127" s="133"/>
      <c r="AG127" s="133"/>
      <c r="AH127" s="133"/>
      <c r="AI127" s="133"/>
      <c r="AJ127" s="133"/>
      <c r="AK127" s="126"/>
      <c r="AL127" s="126"/>
    </row>
    <row r="128" spans="1:38" s="76" customFormat="1" ht="13.5" customHeight="1" thickBot="1">
      <c r="C128" s="76" t="s">
        <v>682</v>
      </c>
    </row>
    <row r="129" spans="1:38" s="76" customFormat="1" ht="13.5" customHeight="1" thickTop="1">
      <c r="A129" s="266">
        <v>11</v>
      </c>
      <c r="B129" s="267"/>
      <c r="C129" s="248" t="s">
        <v>489</v>
      </c>
      <c r="D129" s="249"/>
      <c r="E129" s="249"/>
      <c r="F129" s="249"/>
      <c r="G129" s="249"/>
      <c r="H129" s="249"/>
      <c r="I129" s="249"/>
      <c r="J129" s="249"/>
      <c r="K129" s="249"/>
      <c r="L129" s="249"/>
      <c r="M129" s="249"/>
      <c r="N129" s="249"/>
      <c r="O129" s="249"/>
      <c r="P129" s="249"/>
      <c r="Q129" s="249"/>
      <c r="R129" s="249"/>
      <c r="S129" s="249"/>
      <c r="T129" s="249"/>
      <c r="U129" s="249"/>
      <c r="V129" s="249"/>
      <c r="W129" s="249"/>
      <c r="X129" s="249"/>
      <c r="Y129" s="249"/>
      <c r="Z129" s="249"/>
      <c r="AA129" s="249"/>
      <c r="AB129" s="249"/>
      <c r="AC129" s="249"/>
      <c r="AD129" s="249"/>
      <c r="AE129" s="249"/>
      <c r="AF129" s="249"/>
      <c r="AG129" s="249"/>
      <c r="AH129" s="249"/>
      <c r="AI129" s="249"/>
      <c r="AJ129" s="304"/>
      <c r="AK129" s="275"/>
      <c r="AL129" s="276"/>
    </row>
    <row r="130" spans="1:38" s="76" customFormat="1" ht="13.5" customHeight="1" thickBot="1">
      <c r="A130" s="268"/>
      <c r="B130" s="269"/>
      <c r="C130" s="252"/>
      <c r="D130" s="253"/>
      <c r="E130" s="253"/>
      <c r="F130" s="253"/>
      <c r="G130" s="253"/>
      <c r="H130" s="253"/>
      <c r="I130" s="253"/>
      <c r="J130" s="253"/>
      <c r="K130" s="253"/>
      <c r="L130" s="253"/>
      <c r="M130" s="253"/>
      <c r="N130" s="253"/>
      <c r="O130" s="253"/>
      <c r="P130" s="253"/>
      <c r="Q130" s="253"/>
      <c r="R130" s="253"/>
      <c r="S130" s="253"/>
      <c r="T130" s="253"/>
      <c r="U130" s="253"/>
      <c r="V130" s="253"/>
      <c r="W130" s="253"/>
      <c r="X130" s="253"/>
      <c r="Y130" s="253"/>
      <c r="Z130" s="253"/>
      <c r="AA130" s="253"/>
      <c r="AB130" s="253"/>
      <c r="AC130" s="253"/>
      <c r="AD130" s="253"/>
      <c r="AE130" s="253"/>
      <c r="AF130" s="253"/>
      <c r="AG130" s="253"/>
      <c r="AH130" s="253"/>
      <c r="AI130" s="253"/>
      <c r="AJ130" s="305"/>
      <c r="AK130" s="277"/>
      <c r="AL130" s="278"/>
    </row>
    <row r="131" spans="1:38" s="76" customFormat="1" ht="13.5" customHeight="1" thickTop="1" thickBot="1">
      <c r="A131" s="96"/>
      <c r="B131" s="96"/>
      <c r="C131" s="139"/>
      <c r="D131" s="139"/>
      <c r="E131" s="139"/>
      <c r="F131" s="139"/>
      <c r="G131" s="139"/>
      <c r="H131" s="139"/>
      <c r="I131" s="139"/>
      <c r="J131" s="139"/>
      <c r="K131" s="133"/>
      <c r="L131" s="133"/>
      <c r="M131" s="133"/>
      <c r="N131" s="133"/>
      <c r="O131" s="133"/>
      <c r="P131" s="133"/>
      <c r="Q131" s="133"/>
      <c r="R131" s="133"/>
      <c r="S131" s="133"/>
      <c r="T131" s="133"/>
      <c r="U131" s="133"/>
      <c r="V131" s="133"/>
      <c r="W131" s="133"/>
      <c r="X131" s="133"/>
      <c r="Y131" s="133"/>
      <c r="Z131" s="133"/>
      <c r="AA131" s="133"/>
      <c r="AB131" s="133"/>
      <c r="AC131" s="133"/>
      <c r="AD131" s="133"/>
      <c r="AE131" s="133"/>
      <c r="AF131" s="133"/>
      <c r="AG131" s="133"/>
      <c r="AH131" s="133"/>
      <c r="AI131" s="133"/>
      <c r="AJ131" s="133"/>
      <c r="AK131" s="126"/>
      <c r="AL131" s="126"/>
    </row>
    <row r="132" spans="1:38" s="76" customFormat="1" ht="13.5" customHeight="1" thickTop="1">
      <c r="A132" s="96"/>
      <c r="B132" s="96"/>
      <c r="C132" s="285" t="s">
        <v>43</v>
      </c>
      <c r="D132" s="286"/>
      <c r="E132" s="286"/>
      <c r="F132" s="286"/>
      <c r="G132" s="286"/>
      <c r="H132" s="286"/>
      <c r="I132" s="286"/>
      <c r="J132" s="286"/>
      <c r="K132" s="286"/>
      <c r="L132" s="286"/>
      <c r="M132" s="285" t="s">
        <v>181</v>
      </c>
      <c r="N132" s="286"/>
      <c r="O132" s="286"/>
      <c r="P132" s="286"/>
      <c r="Q132" s="286"/>
      <c r="R132" s="286"/>
      <c r="S132" s="286"/>
      <c r="T132" s="286"/>
      <c r="U132" s="286"/>
      <c r="V132" s="286"/>
      <c r="W132" s="286"/>
      <c r="X132" s="286"/>
      <c r="Y132" s="286"/>
      <c r="Z132" s="286"/>
      <c r="AA132" s="286"/>
      <c r="AB132" s="286"/>
      <c r="AC132" s="286"/>
      <c r="AD132" s="286"/>
      <c r="AE132" s="286"/>
      <c r="AF132" s="286"/>
      <c r="AG132" s="286"/>
      <c r="AH132" s="286"/>
      <c r="AI132" s="286"/>
      <c r="AJ132" s="286"/>
      <c r="AK132" s="275"/>
      <c r="AL132" s="276"/>
    </row>
    <row r="133" spans="1:38" s="76" customFormat="1" ht="13.5" customHeight="1" thickBot="1">
      <c r="A133" s="96"/>
      <c r="B133" s="96"/>
      <c r="C133" s="309"/>
      <c r="D133" s="251"/>
      <c r="E133" s="251"/>
      <c r="F133" s="251"/>
      <c r="G133" s="251"/>
      <c r="H133" s="251"/>
      <c r="I133" s="251"/>
      <c r="J133" s="251"/>
      <c r="K133" s="251"/>
      <c r="L133" s="251"/>
      <c r="M133" s="309"/>
      <c r="N133" s="251"/>
      <c r="O133" s="251"/>
      <c r="P133" s="251"/>
      <c r="Q133" s="251"/>
      <c r="R133" s="251"/>
      <c r="S133" s="251"/>
      <c r="T133" s="251"/>
      <c r="U133" s="251"/>
      <c r="V133" s="251"/>
      <c r="W133" s="251"/>
      <c r="X133" s="251"/>
      <c r="Y133" s="251"/>
      <c r="Z133" s="251"/>
      <c r="AA133" s="251"/>
      <c r="AB133" s="251"/>
      <c r="AC133" s="251"/>
      <c r="AD133" s="251"/>
      <c r="AE133" s="251"/>
      <c r="AF133" s="251"/>
      <c r="AG133" s="251"/>
      <c r="AH133" s="251"/>
      <c r="AI133" s="251"/>
      <c r="AJ133" s="251"/>
      <c r="AK133" s="277"/>
      <c r="AL133" s="278"/>
    </row>
    <row r="134" spans="1:38" s="76" customFormat="1" ht="13.5" customHeight="1" thickTop="1">
      <c r="A134" s="96"/>
      <c r="B134" s="96"/>
      <c r="C134" s="309"/>
      <c r="D134" s="251"/>
      <c r="E134" s="251"/>
      <c r="F134" s="251"/>
      <c r="G134" s="251"/>
      <c r="H134" s="251"/>
      <c r="I134" s="251"/>
      <c r="J134" s="251"/>
      <c r="K134" s="251"/>
      <c r="L134" s="251"/>
      <c r="M134" s="309"/>
      <c r="N134" s="251"/>
      <c r="O134" s="251"/>
      <c r="P134" s="251"/>
      <c r="Q134" s="251"/>
      <c r="R134" s="251"/>
      <c r="S134" s="251"/>
      <c r="T134" s="251"/>
      <c r="U134" s="251"/>
      <c r="V134" s="251"/>
      <c r="W134" s="251"/>
      <c r="X134" s="251"/>
      <c r="Y134" s="251"/>
      <c r="Z134" s="251"/>
      <c r="AA134" s="251"/>
      <c r="AB134" s="251"/>
      <c r="AC134" s="251"/>
      <c r="AD134" s="251"/>
      <c r="AE134" s="251"/>
      <c r="AF134" s="251"/>
      <c r="AG134" s="251"/>
      <c r="AH134" s="251"/>
      <c r="AI134" s="251"/>
      <c r="AJ134" s="251"/>
      <c r="AK134" s="137"/>
      <c r="AL134" s="126"/>
    </row>
    <row r="135" spans="1:38" s="76" customFormat="1" ht="13.5" customHeight="1" thickBot="1">
      <c r="A135" s="96"/>
      <c r="B135" s="96"/>
      <c r="C135" s="288"/>
      <c r="D135" s="289"/>
      <c r="E135" s="289"/>
      <c r="F135" s="289"/>
      <c r="G135" s="289"/>
      <c r="H135" s="289"/>
      <c r="I135" s="289"/>
      <c r="J135" s="289"/>
      <c r="K135" s="289"/>
      <c r="L135" s="289"/>
      <c r="M135" s="288"/>
      <c r="N135" s="289"/>
      <c r="O135" s="289"/>
      <c r="P135" s="289"/>
      <c r="Q135" s="289"/>
      <c r="R135" s="289"/>
      <c r="S135" s="289"/>
      <c r="T135" s="289"/>
      <c r="U135" s="289"/>
      <c r="V135" s="289"/>
      <c r="W135" s="289"/>
      <c r="X135" s="289"/>
      <c r="Y135" s="289"/>
      <c r="Z135" s="289"/>
      <c r="AA135" s="289"/>
      <c r="AB135" s="289"/>
      <c r="AC135" s="289"/>
      <c r="AD135" s="289"/>
      <c r="AE135" s="289"/>
      <c r="AF135" s="289"/>
      <c r="AG135" s="289"/>
      <c r="AH135" s="289"/>
      <c r="AI135" s="289"/>
      <c r="AJ135" s="289"/>
      <c r="AK135" s="140"/>
      <c r="AL135" s="126"/>
    </row>
    <row r="136" spans="1:38" s="76" customFormat="1" ht="13.5" customHeight="1" thickTop="1">
      <c r="A136" s="96"/>
      <c r="B136" s="96"/>
      <c r="C136" s="285" t="s">
        <v>44</v>
      </c>
      <c r="D136" s="286"/>
      <c r="E136" s="286"/>
      <c r="F136" s="286"/>
      <c r="G136" s="286"/>
      <c r="H136" s="286"/>
      <c r="I136" s="286"/>
      <c r="J136" s="286"/>
      <c r="K136" s="286"/>
      <c r="L136" s="286"/>
      <c r="M136" s="285" t="s">
        <v>182</v>
      </c>
      <c r="N136" s="286"/>
      <c r="O136" s="286"/>
      <c r="P136" s="286"/>
      <c r="Q136" s="286"/>
      <c r="R136" s="286"/>
      <c r="S136" s="286"/>
      <c r="T136" s="286"/>
      <c r="U136" s="286"/>
      <c r="V136" s="286"/>
      <c r="W136" s="286"/>
      <c r="X136" s="286"/>
      <c r="Y136" s="286"/>
      <c r="Z136" s="286"/>
      <c r="AA136" s="286"/>
      <c r="AB136" s="286"/>
      <c r="AC136" s="286"/>
      <c r="AD136" s="286"/>
      <c r="AE136" s="286"/>
      <c r="AF136" s="286"/>
      <c r="AG136" s="286"/>
      <c r="AH136" s="286"/>
      <c r="AI136" s="286"/>
      <c r="AJ136" s="286"/>
      <c r="AK136" s="275"/>
      <c r="AL136" s="276"/>
    </row>
    <row r="137" spans="1:38" s="76" customFormat="1" ht="13.5" customHeight="1" thickBot="1">
      <c r="A137" s="96"/>
      <c r="B137" s="96"/>
      <c r="C137" s="309"/>
      <c r="D137" s="251"/>
      <c r="E137" s="251"/>
      <c r="F137" s="251"/>
      <c r="G137" s="251"/>
      <c r="H137" s="251"/>
      <c r="I137" s="251"/>
      <c r="J137" s="251"/>
      <c r="K137" s="251"/>
      <c r="L137" s="251"/>
      <c r="M137" s="309"/>
      <c r="N137" s="251"/>
      <c r="O137" s="251"/>
      <c r="P137" s="251"/>
      <c r="Q137" s="251"/>
      <c r="R137" s="251"/>
      <c r="S137" s="251"/>
      <c r="T137" s="251"/>
      <c r="U137" s="251"/>
      <c r="V137" s="251"/>
      <c r="W137" s="251"/>
      <c r="X137" s="251"/>
      <c r="Y137" s="251"/>
      <c r="Z137" s="251"/>
      <c r="AA137" s="251"/>
      <c r="AB137" s="251"/>
      <c r="AC137" s="251"/>
      <c r="AD137" s="251"/>
      <c r="AE137" s="251"/>
      <c r="AF137" s="251"/>
      <c r="AG137" s="251"/>
      <c r="AH137" s="251"/>
      <c r="AI137" s="251"/>
      <c r="AJ137" s="251"/>
      <c r="AK137" s="277"/>
      <c r="AL137" s="278"/>
    </row>
    <row r="138" spans="1:38" s="76" customFormat="1" ht="13.5" customHeight="1" thickTop="1">
      <c r="A138" s="96"/>
      <c r="B138" s="96"/>
      <c r="C138" s="288"/>
      <c r="D138" s="289"/>
      <c r="E138" s="289"/>
      <c r="F138" s="289"/>
      <c r="G138" s="289"/>
      <c r="H138" s="289"/>
      <c r="I138" s="289"/>
      <c r="J138" s="289"/>
      <c r="K138" s="289"/>
      <c r="L138" s="289"/>
      <c r="M138" s="288"/>
      <c r="N138" s="289"/>
      <c r="O138" s="289"/>
      <c r="P138" s="289"/>
      <c r="Q138" s="289"/>
      <c r="R138" s="289"/>
      <c r="S138" s="289"/>
      <c r="T138" s="289"/>
      <c r="U138" s="289"/>
      <c r="V138" s="289"/>
      <c r="W138" s="289"/>
      <c r="X138" s="289"/>
      <c r="Y138" s="289"/>
      <c r="Z138" s="289"/>
      <c r="AA138" s="289"/>
      <c r="AB138" s="289"/>
      <c r="AC138" s="289"/>
      <c r="AD138" s="289"/>
      <c r="AE138" s="289"/>
      <c r="AF138" s="289"/>
      <c r="AG138" s="289"/>
      <c r="AH138" s="289"/>
      <c r="AI138" s="289"/>
      <c r="AJ138" s="289"/>
      <c r="AK138" s="137"/>
      <c r="AL138" s="126"/>
    </row>
    <row r="139" spans="1:38" s="76" customFormat="1" ht="13.5" customHeight="1">
      <c r="A139" s="96"/>
      <c r="B139" s="96"/>
      <c r="C139" s="136"/>
      <c r="D139" s="136"/>
      <c r="E139" s="136"/>
      <c r="F139" s="136"/>
      <c r="G139" s="136"/>
      <c r="H139" s="136"/>
      <c r="I139" s="136"/>
      <c r="J139" s="136"/>
      <c r="K139" s="136"/>
      <c r="L139" s="136"/>
      <c r="M139" s="139"/>
      <c r="N139" s="139"/>
      <c r="O139" s="139"/>
      <c r="P139" s="139"/>
      <c r="Q139" s="139"/>
      <c r="R139" s="139"/>
      <c r="S139" s="139"/>
      <c r="T139" s="139"/>
      <c r="U139" s="139"/>
      <c r="V139" s="139"/>
      <c r="W139" s="139"/>
      <c r="X139" s="139"/>
      <c r="Y139" s="139"/>
      <c r="Z139" s="139"/>
      <c r="AA139" s="139"/>
      <c r="AB139" s="139"/>
      <c r="AC139" s="139"/>
      <c r="AD139" s="139"/>
      <c r="AE139" s="139"/>
      <c r="AF139" s="139"/>
      <c r="AG139" s="139"/>
      <c r="AH139" s="139"/>
      <c r="AI139" s="139"/>
      <c r="AJ139" s="139"/>
      <c r="AK139" s="126"/>
      <c r="AL139" s="126"/>
    </row>
    <row r="140" spans="1:38" s="76" customFormat="1" ht="13.5" customHeight="1" thickBot="1">
      <c r="A140" s="96"/>
      <c r="B140" s="96"/>
      <c r="C140" s="76" t="s">
        <v>408</v>
      </c>
      <c r="D140" s="141"/>
      <c r="E140" s="141"/>
      <c r="F140" s="141"/>
      <c r="G140" s="141"/>
      <c r="H140" s="141"/>
      <c r="I140" s="141"/>
      <c r="J140" s="141"/>
      <c r="K140" s="139"/>
      <c r="L140" s="139"/>
      <c r="M140" s="139"/>
      <c r="N140" s="139"/>
      <c r="O140" s="139"/>
      <c r="P140" s="139"/>
      <c r="Q140" s="139"/>
      <c r="R140" s="139"/>
      <c r="S140" s="139"/>
      <c r="T140" s="139"/>
      <c r="U140" s="139"/>
      <c r="V140" s="139"/>
      <c r="W140" s="139"/>
      <c r="X140" s="139"/>
      <c r="Y140" s="139"/>
      <c r="Z140" s="139"/>
      <c r="AA140" s="139"/>
      <c r="AB140" s="139"/>
      <c r="AC140" s="139"/>
      <c r="AD140" s="139"/>
      <c r="AE140" s="139"/>
      <c r="AF140" s="139"/>
      <c r="AG140" s="139"/>
      <c r="AH140" s="139"/>
      <c r="AI140" s="139"/>
      <c r="AJ140" s="139"/>
      <c r="AK140" s="126"/>
      <c r="AL140" s="126"/>
    </row>
    <row r="141" spans="1:38" s="76" customFormat="1" ht="13.5" customHeight="1" thickTop="1">
      <c r="A141" s="266">
        <v>12</v>
      </c>
      <c r="B141" s="267"/>
      <c r="C141" s="270" t="s">
        <v>490</v>
      </c>
      <c r="D141" s="271"/>
      <c r="E141" s="271"/>
      <c r="F141" s="271"/>
      <c r="G141" s="271"/>
      <c r="H141" s="271"/>
      <c r="I141" s="271"/>
      <c r="J141" s="271"/>
      <c r="K141" s="271"/>
      <c r="L141" s="271"/>
      <c r="M141" s="271"/>
      <c r="N141" s="271"/>
      <c r="O141" s="271"/>
      <c r="P141" s="271"/>
      <c r="Q141" s="271"/>
      <c r="R141" s="271"/>
      <c r="S141" s="271"/>
      <c r="T141" s="271"/>
      <c r="U141" s="271"/>
      <c r="V141" s="271"/>
      <c r="W141" s="271"/>
      <c r="X141" s="271"/>
      <c r="Y141" s="271"/>
      <c r="Z141" s="271"/>
      <c r="AA141" s="271"/>
      <c r="AB141" s="271"/>
      <c r="AC141" s="271"/>
      <c r="AD141" s="271"/>
      <c r="AE141" s="271"/>
      <c r="AF141" s="271"/>
      <c r="AG141" s="271"/>
      <c r="AH141" s="271"/>
      <c r="AI141" s="271"/>
      <c r="AJ141" s="271"/>
      <c r="AK141" s="275"/>
      <c r="AL141" s="276"/>
    </row>
    <row r="142" spans="1:38" s="76" customFormat="1" ht="13.5" customHeight="1" thickBot="1">
      <c r="A142" s="268"/>
      <c r="B142" s="269"/>
      <c r="C142" s="273"/>
      <c r="D142" s="274"/>
      <c r="E142" s="274"/>
      <c r="F142" s="274"/>
      <c r="G142" s="274"/>
      <c r="H142" s="274"/>
      <c r="I142" s="274"/>
      <c r="J142" s="274"/>
      <c r="K142" s="274"/>
      <c r="L142" s="274"/>
      <c r="M142" s="274"/>
      <c r="N142" s="274"/>
      <c r="O142" s="274"/>
      <c r="P142" s="274"/>
      <c r="Q142" s="274"/>
      <c r="R142" s="274"/>
      <c r="S142" s="274"/>
      <c r="T142" s="274"/>
      <c r="U142" s="274"/>
      <c r="V142" s="274"/>
      <c r="W142" s="274"/>
      <c r="X142" s="274"/>
      <c r="Y142" s="274"/>
      <c r="Z142" s="274"/>
      <c r="AA142" s="274"/>
      <c r="AB142" s="274"/>
      <c r="AC142" s="274"/>
      <c r="AD142" s="274"/>
      <c r="AE142" s="274"/>
      <c r="AF142" s="274"/>
      <c r="AG142" s="274"/>
      <c r="AH142" s="274"/>
      <c r="AI142" s="274"/>
      <c r="AJ142" s="274"/>
      <c r="AK142" s="282"/>
      <c r="AL142" s="283"/>
    </row>
    <row r="143" spans="1:38" s="76" customFormat="1" ht="13.5" customHeight="1" thickTop="1">
      <c r="A143" s="125"/>
      <c r="B143" s="125"/>
      <c r="C143" s="133"/>
      <c r="D143" s="133"/>
      <c r="E143" s="133"/>
      <c r="F143" s="133"/>
      <c r="G143" s="133"/>
      <c r="H143" s="133"/>
      <c r="I143" s="133"/>
      <c r="J143" s="133"/>
      <c r="K143" s="133"/>
      <c r="L143" s="133"/>
      <c r="M143" s="133"/>
      <c r="N143" s="133"/>
      <c r="O143" s="133"/>
      <c r="P143" s="133"/>
      <c r="Q143" s="133"/>
      <c r="R143" s="133"/>
      <c r="S143" s="133"/>
      <c r="T143" s="133"/>
      <c r="U143" s="133"/>
      <c r="V143" s="133"/>
      <c r="W143" s="133"/>
      <c r="X143" s="133"/>
      <c r="Y143" s="133"/>
      <c r="Z143" s="133"/>
      <c r="AA143" s="133"/>
      <c r="AB143" s="133"/>
      <c r="AC143" s="133"/>
      <c r="AD143" s="133"/>
      <c r="AE143" s="133"/>
      <c r="AF143" s="133"/>
      <c r="AG143" s="133"/>
      <c r="AH143" s="133"/>
      <c r="AI143" s="133"/>
      <c r="AJ143" s="133"/>
      <c r="AK143" s="142"/>
      <c r="AL143" s="142"/>
    </row>
    <row r="144" spans="1:38" s="76" customFormat="1" ht="13.5" customHeight="1" thickBot="1">
      <c r="A144" s="125"/>
      <c r="B144" s="125"/>
      <c r="C144" s="284" t="s">
        <v>411</v>
      </c>
      <c r="D144" s="284"/>
      <c r="E144" s="284"/>
      <c r="F144" s="284"/>
      <c r="G144" s="284"/>
      <c r="H144" s="284"/>
      <c r="I144" s="284"/>
      <c r="J144" s="284"/>
      <c r="K144" s="284"/>
      <c r="L144" s="284"/>
      <c r="M144" s="284"/>
      <c r="N144" s="284"/>
      <c r="O144" s="284"/>
      <c r="P144" s="284"/>
      <c r="Q144" s="284"/>
      <c r="R144" s="284"/>
      <c r="S144" s="284"/>
      <c r="T144" s="284"/>
      <c r="U144" s="284"/>
      <c r="V144" s="284"/>
      <c r="W144" s="284"/>
      <c r="X144" s="284"/>
      <c r="Y144" s="284"/>
      <c r="Z144" s="284"/>
      <c r="AA144" s="284"/>
      <c r="AB144" s="284"/>
      <c r="AC144" s="284"/>
      <c r="AD144" s="284"/>
      <c r="AE144" s="284"/>
      <c r="AF144" s="284"/>
      <c r="AG144" s="284"/>
      <c r="AH144" s="284"/>
      <c r="AI144" s="284"/>
      <c r="AJ144" s="284"/>
      <c r="AK144" s="142"/>
      <c r="AL144" s="142"/>
    </row>
    <row r="145" spans="1:38" s="76" customFormat="1" ht="13.5" customHeight="1" thickTop="1">
      <c r="A145" s="125"/>
      <c r="B145" s="125"/>
      <c r="C145" s="285" t="s">
        <v>45</v>
      </c>
      <c r="D145" s="286"/>
      <c r="E145" s="286"/>
      <c r="F145" s="286"/>
      <c r="G145" s="286"/>
      <c r="H145" s="286"/>
      <c r="I145" s="286"/>
      <c r="J145" s="286"/>
      <c r="K145" s="286"/>
      <c r="L145" s="286"/>
      <c r="M145" s="286"/>
      <c r="N145" s="286"/>
      <c r="O145" s="286"/>
      <c r="P145" s="286"/>
      <c r="Q145" s="286"/>
      <c r="R145" s="287"/>
      <c r="S145" s="285" t="s">
        <v>683</v>
      </c>
      <c r="T145" s="286"/>
      <c r="U145" s="286"/>
      <c r="V145" s="286"/>
      <c r="W145" s="286"/>
      <c r="X145" s="286"/>
      <c r="Y145" s="286"/>
      <c r="Z145" s="286"/>
      <c r="AA145" s="286"/>
      <c r="AB145" s="286"/>
      <c r="AC145" s="286"/>
      <c r="AD145" s="286"/>
      <c r="AE145" s="286"/>
      <c r="AF145" s="286"/>
      <c r="AG145" s="286"/>
      <c r="AH145" s="286"/>
      <c r="AI145" s="286"/>
      <c r="AJ145" s="286"/>
      <c r="AK145" s="275"/>
      <c r="AL145" s="276"/>
    </row>
    <row r="146" spans="1:38" s="76" customFormat="1" ht="13.5" customHeight="1" thickBot="1">
      <c r="A146" s="125"/>
      <c r="B146" s="125"/>
      <c r="C146" s="309"/>
      <c r="D146" s="251"/>
      <c r="E146" s="251"/>
      <c r="F146" s="251"/>
      <c r="G146" s="251"/>
      <c r="H146" s="251"/>
      <c r="I146" s="251"/>
      <c r="J146" s="251"/>
      <c r="K146" s="251"/>
      <c r="L146" s="251"/>
      <c r="M146" s="251"/>
      <c r="N146" s="251"/>
      <c r="O146" s="251"/>
      <c r="P146" s="251"/>
      <c r="Q146" s="251"/>
      <c r="R146" s="310"/>
      <c r="S146" s="309"/>
      <c r="T146" s="251"/>
      <c r="U146" s="251"/>
      <c r="V146" s="251"/>
      <c r="W146" s="251"/>
      <c r="X146" s="251"/>
      <c r="Y146" s="251"/>
      <c r="Z146" s="251"/>
      <c r="AA146" s="251"/>
      <c r="AB146" s="251"/>
      <c r="AC146" s="251"/>
      <c r="AD146" s="251"/>
      <c r="AE146" s="251"/>
      <c r="AF146" s="251"/>
      <c r="AG146" s="251"/>
      <c r="AH146" s="251"/>
      <c r="AI146" s="251"/>
      <c r="AJ146" s="251"/>
      <c r="AK146" s="282"/>
      <c r="AL146" s="283"/>
    </row>
    <row r="147" spans="1:38" s="76" customFormat="1" ht="13.5" customHeight="1" thickTop="1">
      <c r="A147" s="125"/>
      <c r="B147" s="125"/>
      <c r="C147" s="309"/>
      <c r="D147" s="251"/>
      <c r="E147" s="251"/>
      <c r="F147" s="251"/>
      <c r="G147" s="251"/>
      <c r="H147" s="251"/>
      <c r="I147" s="251"/>
      <c r="J147" s="251"/>
      <c r="K147" s="251"/>
      <c r="L147" s="251"/>
      <c r="M147" s="251"/>
      <c r="N147" s="251"/>
      <c r="O147" s="251"/>
      <c r="P147" s="251"/>
      <c r="Q147" s="251"/>
      <c r="R147" s="310"/>
      <c r="S147" s="309"/>
      <c r="T147" s="251"/>
      <c r="U147" s="251"/>
      <c r="V147" s="251"/>
      <c r="W147" s="251"/>
      <c r="X147" s="251"/>
      <c r="Y147" s="251"/>
      <c r="Z147" s="251"/>
      <c r="AA147" s="251"/>
      <c r="AB147" s="251"/>
      <c r="AC147" s="251"/>
      <c r="AD147" s="251"/>
      <c r="AE147" s="251"/>
      <c r="AF147" s="251"/>
      <c r="AG147" s="251"/>
      <c r="AH147" s="251"/>
      <c r="AI147" s="251"/>
      <c r="AJ147" s="251"/>
      <c r="AK147" s="143"/>
      <c r="AL147" s="142"/>
    </row>
    <row r="148" spans="1:38" s="76" customFormat="1" ht="13.5" customHeight="1" thickBot="1">
      <c r="A148" s="125"/>
      <c r="B148" s="125"/>
      <c r="C148" s="288"/>
      <c r="D148" s="289"/>
      <c r="E148" s="289"/>
      <c r="F148" s="289"/>
      <c r="G148" s="289"/>
      <c r="H148" s="289"/>
      <c r="I148" s="289"/>
      <c r="J148" s="289"/>
      <c r="K148" s="289"/>
      <c r="L148" s="289"/>
      <c r="M148" s="289"/>
      <c r="N148" s="289"/>
      <c r="O148" s="289"/>
      <c r="P148" s="289"/>
      <c r="Q148" s="289"/>
      <c r="R148" s="290"/>
      <c r="S148" s="288"/>
      <c r="T148" s="289"/>
      <c r="U148" s="289"/>
      <c r="V148" s="289"/>
      <c r="W148" s="289"/>
      <c r="X148" s="289"/>
      <c r="Y148" s="289"/>
      <c r="Z148" s="289"/>
      <c r="AA148" s="289"/>
      <c r="AB148" s="289"/>
      <c r="AC148" s="289"/>
      <c r="AD148" s="289"/>
      <c r="AE148" s="289"/>
      <c r="AF148" s="289"/>
      <c r="AG148" s="289"/>
      <c r="AH148" s="289"/>
      <c r="AI148" s="289"/>
      <c r="AJ148" s="289"/>
      <c r="AK148" s="144"/>
      <c r="AL148" s="142"/>
    </row>
    <row r="149" spans="1:38" s="76" customFormat="1" ht="13.5" customHeight="1" thickTop="1">
      <c r="A149" s="125"/>
      <c r="B149" s="125"/>
      <c r="C149" s="323" t="s">
        <v>46</v>
      </c>
      <c r="D149" s="323"/>
      <c r="E149" s="323"/>
      <c r="F149" s="323"/>
      <c r="G149" s="323"/>
      <c r="H149" s="323"/>
      <c r="I149" s="323"/>
      <c r="J149" s="323"/>
      <c r="K149" s="323"/>
      <c r="L149" s="323"/>
      <c r="M149" s="323"/>
      <c r="N149" s="323"/>
      <c r="O149" s="323"/>
      <c r="P149" s="323"/>
      <c r="Q149" s="323"/>
      <c r="R149" s="323"/>
      <c r="S149" s="323" t="s">
        <v>470</v>
      </c>
      <c r="T149" s="323"/>
      <c r="U149" s="323"/>
      <c r="V149" s="323"/>
      <c r="W149" s="323"/>
      <c r="X149" s="323"/>
      <c r="Y149" s="323"/>
      <c r="Z149" s="323"/>
      <c r="AA149" s="323"/>
      <c r="AB149" s="323"/>
      <c r="AC149" s="323"/>
      <c r="AD149" s="323"/>
      <c r="AE149" s="323"/>
      <c r="AF149" s="323"/>
      <c r="AG149" s="323"/>
      <c r="AH149" s="323"/>
      <c r="AI149" s="323"/>
      <c r="AJ149" s="323"/>
      <c r="AK149" s="275"/>
      <c r="AL149" s="276"/>
    </row>
    <row r="150" spans="1:38" s="76" customFormat="1" ht="13.5" customHeight="1" thickBot="1">
      <c r="A150" s="125"/>
      <c r="B150" s="125"/>
      <c r="C150" s="323"/>
      <c r="D150" s="323"/>
      <c r="E150" s="323"/>
      <c r="F150" s="323"/>
      <c r="G150" s="323"/>
      <c r="H150" s="323"/>
      <c r="I150" s="323"/>
      <c r="J150" s="323"/>
      <c r="K150" s="323"/>
      <c r="L150" s="323"/>
      <c r="M150" s="323"/>
      <c r="N150" s="323"/>
      <c r="O150" s="323"/>
      <c r="P150" s="323"/>
      <c r="Q150" s="323"/>
      <c r="R150" s="323"/>
      <c r="S150" s="323"/>
      <c r="T150" s="323"/>
      <c r="U150" s="323"/>
      <c r="V150" s="323"/>
      <c r="W150" s="323"/>
      <c r="X150" s="323"/>
      <c r="Y150" s="323"/>
      <c r="Z150" s="323"/>
      <c r="AA150" s="323"/>
      <c r="AB150" s="323"/>
      <c r="AC150" s="323"/>
      <c r="AD150" s="323"/>
      <c r="AE150" s="323"/>
      <c r="AF150" s="323"/>
      <c r="AG150" s="323"/>
      <c r="AH150" s="323"/>
      <c r="AI150" s="323"/>
      <c r="AJ150" s="323"/>
      <c r="AK150" s="282"/>
      <c r="AL150" s="283"/>
    </row>
    <row r="151" spans="1:38" s="76" customFormat="1" ht="13.5" customHeight="1" thickTop="1">
      <c r="A151" s="125"/>
      <c r="B151" s="125"/>
      <c r="C151" s="323"/>
      <c r="D151" s="323"/>
      <c r="E151" s="323"/>
      <c r="F151" s="323"/>
      <c r="G151" s="323"/>
      <c r="H151" s="323"/>
      <c r="I151" s="323"/>
      <c r="J151" s="323"/>
      <c r="K151" s="323"/>
      <c r="L151" s="323"/>
      <c r="M151" s="323"/>
      <c r="N151" s="323"/>
      <c r="O151" s="323"/>
      <c r="P151" s="323"/>
      <c r="Q151" s="323"/>
      <c r="R151" s="323"/>
      <c r="S151" s="323"/>
      <c r="T151" s="323"/>
      <c r="U151" s="323"/>
      <c r="V151" s="323"/>
      <c r="W151" s="323"/>
      <c r="X151" s="323"/>
      <c r="Y151" s="323"/>
      <c r="Z151" s="323"/>
      <c r="AA151" s="323"/>
      <c r="AB151" s="323"/>
      <c r="AC151" s="323"/>
      <c r="AD151" s="323"/>
      <c r="AE151" s="323"/>
      <c r="AF151" s="323"/>
      <c r="AG151" s="323"/>
      <c r="AH151" s="323"/>
      <c r="AI151" s="323"/>
      <c r="AJ151" s="323"/>
      <c r="AK151" s="142"/>
      <c r="AL151" s="142"/>
    </row>
    <row r="152" spans="1:38" s="76" customFormat="1" ht="13.5" customHeight="1" thickBot="1">
      <c r="A152" s="125"/>
      <c r="B152" s="125"/>
      <c r="C152" s="323"/>
      <c r="D152" s="323"/>
      <c r="E152" s="323"/>
      <c r="F152" s="323"/>
      <c r="G152" s="323"/>
      <c r="H152" s="323"/>
      <c r="I152" s="323"/>
      <c r="J152" s="323"/>
      <c r="K152" s="323"/>
      <c r="L152" s="323"/>
      <c r="M152" s="323"/>
      <c r="N152" s="323"/>
      <c r="O152" s="323"/>
      <c r="P152" s="323"/>
      <c r="Q152" s="323"/>
      <c r="R152" s="323"/>
      <c r="S152" s="323"/>
      <c r="T152" s="323"/>
      <c r="U152" s="323"/>
      <c r="V152" s="323"/>
      <c r="W152" s="323"/>
      <c r="X152" s="323"/>
      <c r="Y152" s="323"/>
      <c r="Z152" s="323"/>
      <c r="AA152" s="323"/>
      <c r="AB152" s="323"/>
      <c r="AC152" s="323"/>
      <c r="AD152" s="323"/>
      <c r="AE152" s="323"/>
      <c r="AF152" s="323"/>
      <c r="AG152" s="323"/>
      <c r="AH152" s="323"/>
      <c r="AI152" s="323"/>
      <c r="AJ152" s="323"/>
      <c r="AK152" s="142"/>
      <c r="AL152" s="142"/>
    </row>
    <row r="153" spans="1:38" s="76" customFormat="1" ht="13.5" customHeight="1" thickTop="1">
      <c r="A153" s="125"/>
      <c r="B153" s="125"/>
      <c r="C153" s="285" t="s">
        <v>47</v>
      </c>
      <c r="D153" s="286"/>
      <c r="E153" s="286"/>
      <c r="F153" s="286"/>
      <c r="G153" s="286"/>
      <c r="H153" s="286"/>
      <c r="I153" s="286"/>
      <c r="J153" s="286"/>
      <c r="K153" s="286"/>
      <c r="L153" s="286"/>
      <c r="M153" s="286"/>
      <c r="N153" s="286"/>
      <c r="O153" s="286"/>
      <c r="P153" s="286"/>
      <c r="Q153" s="286"/>
      <c r="R153" s="287"/>
      <c r="S153" s="323" t="s">
        <v>48</v>
      </c>
      <c r="T153" s="323"/>
      <c r="U153" s="323"/>
      <c r="V153" s="323"/>
      <c r="W153" s="323"/>
      <c r="X153" s="323"/>
      <c r="Y153" s="323"/>
      <c r="Z153" s="323"/>
      <c r="AA153" s="323"/>
      <c r="AB153" s="323"/>
      <c r="AC153" s="323"/>
      <c r="AD153" s="323"/>
      <c r="AE153" s="323"/>
      <c r="AF153" s="323"/>
      <c r="AG153" s="323"/>
      <c r="AH153" s="323"/>
      <c r="AI153" s="323"/>
      <c r="AJ153" s="323"/>
      <c r="AK153" s="275"/>
      <c r="AL153" s="276"/>
    </row>
    <row r="154" spans="1:38" s="76" customFormat="1" ht="13.5" customHeight="1" thickBot="1">
      <c r="A154" s="125"/>
      <c r="B154" s="125"/>
      <c r="C154" s="309"/>
      <c r="D154" s="251"/>
      <c r="E154" s="251"/>
      <c r="F154" s="251"/>
      <c r="G154" s="251"/>
      <c r="H154" s="251"/>
      <c r="I154" s="251"/>
      <c r="J154" s="251"/>
      <c r="K154" s="251"/>
      <c r="L154" s="251"/>
      <c r="M154" s="251"/>
      <c r="N154" s="251"/>
      <c r="O154" s="251"/>
      <c r="P154" s="251"/>
      <c r="Q154" s="251"/>
      <c r="R154" s="310"/>
      <c r="S154" s="323"/>
      <c r="T154" s="323"/>
      <c r="U154" s="323"/>
      <c r="V154" s="323"/>
      <c r="W154" s="323"/>
      <c r="X154" s="323"/>
      <c r="Y154" s="323"/>
      <c r="Z154" s="323"/>
      <c r="AA154" s="323"/>
      <c r="AB154" s="323"/>
      <c r="AC154" s="323"/>
      <c r="AD154" s="323"/>
      <c r="AE154" s="323"/>
      <c r="AF154" s="323"/>
      <c r="AG154" s="323"/>
      <c r="AH154" s="323"/>
      <c r="AI154" s="323"/>
      <c r="AJ154" s="323"/>
      <c r="AK154" s="282"/>
      <c r="AL154" s="283"/>
    </row>
    <row r="155" spans="1:38" s="76" customFormat="1" ht="13.5" customHeight="1" thickTop="1">
      <c r="A155" s="125"/>
      <c r="B155" s="125"/>
      <c r="C155" s="288"/>
      <c r="D155" s="289"/>
      <c r="E155" s="289"/>
      <c r="F155" s="289"/>
      <c r="G155" s="289"/>
      <c r="H155" s="289"/>
      <c r="I155" s="289"/>
      <c r="J155" s="289"/>
      <c r="K155" s="289"/>
      <c r="L155" s="289"/>
      <c r="M155" s="289"/>
      <c r="N155" s="289"/>
      <c r="O155" s="289"/>
      <c r="P155" s="289"/>
      <c r="Q155" s="289"/>
      <c r="R155" s="290"/>
      <c r="S155" s="323"/>
      <c r="T155" s="323"/>
      <c r="U155" s="323"/>
      <c r="V155" s="323"/>
      <c r="W155" s="323"/>
      <c r="X155" s="323"/>
      <c r="Y155" s="323"/>
      <c r="Z155" s="323"/>
      <c r="AA155" s="323"/>
      <c r="AB155" s="323"/>
      <c r="AC155" s="323"/>
      <c r="AD155" s="323"/>
      <c r="AE155" s="323"/>
      <c r="AF155" s="323"/>
      <c r="AG155" s="323"/>
      <c r="AH155" s="323"/>
      <c r="AI155" s="323"/>
      <c r="AJ155" s="323"/>
      <c r="AK155" s="142"/>
      <c r="AL155" s="142"/>
    </row>
    <row r="156" spans="1:38" s="76" customFormat="1" ht="13.5" customHeight="1">
      <c r="A156" s="125"/>
      <c r="B156" s="125"/>
      <c r="C156" s="145"/>
      <c r="D156" s="145"/>
      <c r="E156" s="145"/>
      <c r="F156" s="145"/>
      <c r="G156" s="145"/>
      <c r="H156" s="145"/>
      <c r="I156" s="145"/>
      <c r="J156" s="145"/>
      <c r="K156" s="145"/>
      <c r="L156" s="145"/>
      <c r="M156" s="145"/>
      <c r="N156" s="145"/>
      <c r="O156" s="145"/>
      <c r="P156" s="145"/>
      <c r="Q156" s="145"/>
      <c r="R156" s="145"/>
      <c r="S156" s="145"/>
      <c r="T156" s="145"/>
      <c r="U156" s="145"/>
      <c r="V156" s="145"/>
      <c r="W156" s="145"/>
      <c r="X156" s="145"/>
      <c r="Y156" s="145"/>
      <c r="Z156" s="145"/>
      <c r="AA156" s="145"/>
      <c r="AB156" s="145"/>
      <c r="AC156" s="145"/>
      <c r="AD156" s="145"/>
      <c r="AE156" s="145"/>
      <c r="AF156" s="145"/>
      <c r="AG156" s="145"/>
      <c r="AH156" s="145"/>
      <c r="AI156" s="145"/>
      <c r="AJ156" s="145"/>
      <c r="AK156" s="142"/>
      <c r="AL156" s="142"/>
    </row>
    <row r="157" spans="1:38" s="76" customFormat="1" ht="13.5" customHeight="1" thickBot="1">
      <c r="A157" s="125"/>
      <c r="B157" s="125"/>
      <c r="C157" s="284" t="s">
        <v>409</v>
      </c>
      <c r="D157" s="284"/>
      <c r="E157" s="284"/>
      <c r="F157" s="284"/>
      <c r="G157" s="284"/>
      <c r="H157" s="284"/>
      <c r="I157" s="284"/>
      <c r="J157" s="284"/>
      <c r="K157" s="284"/>
      <c r="L157" s="284"/>
      <c r="M157" s="284"/>
      <c r="N157" s="284"/>
      <c r="O157" s="284"/>
      <c r="P157" s="284"/>
      <c r="Q157" s="284"/>
      <c r="R157" s="284"/>
      <c r="S157" s="284"/>
      <c r="T157" s="284"/>
      <c r="U157" s="284"/>
      <c r="V157" s="284"/>
      <c r="W157" s="284"/>
      <c r="X157" s="284"/>
      <c r="Y157" s="284"/>
      <c r="Z157" s="284"/>
      <c r="AA157" s="284"/>
      <c r="AB157" s="284"/>
      <c r="AC157" s="284"/>
      <c r="AD157" s="284"/>
      <c r="AE157" s="284"/>
      <c r="AF157" s="284"/>
      <c r="AG157" s="284"/>
      <c r="AH157" s="284"/>
      <c r="AI157" s="284"/>
      <c r="AJ157" s="284"/>
      <c r="AK157" s="142"/>
      <c r="AL157" s="142"/>
    </row>
    <row r="158" spans="1:38" s="76" customFormat="1" ht="13.5" customHeight="1" thickTop="1">
      <c r="A158" s="125"/>
      <c r="B158" s="125"/>
      <c r="C158" s="285" t="s">
        <v>410</v>
      </c>
      <c r="D158" s="286"/>
      <c r="E158" s="286"/>
      <c r="F158" s="286"/>
      <c r="G158" s="286"/>
      <c r="H158" s="286"/>
      <c r="I158" s="286"/>
      <c r="J158" s="286"/>
      <c r="K158" s="286"/>
      <c r="L158" s="286"/>
      <c r="M158" s="286"/>
      <c r="N158" s="286"/>
      <c r="O158" s="286"/>
      <c r="P158" s="286"/>
      <c r="Q158" s="286"/>
      <c r="R158" s="286"/>
      <c r="S158" s="286"/>
      <c r="T158" s="286"/>
      <c r="U158" s="286"/>
      <c r="V158" s="286"/>
      <c r="W158" s="286"/>
      <c r="X158" s="286"/>
      <c r="Y158" s="286"/>
      <c r="Z158" s="286"/>
      <c r="AA158" s="286"/>
      <c r="AB158" s="286"/>
      <c r="AC158" s="286"/>
      <c r="AD158" s="286"/>
      <c r="AE158" s="286"/>
      <c r="AF158" s="286"/>
      <c r="AG158" s="286"/>
      <c r="AH158" s="286"/>
      <c r="AI158" s="286"/>
      <c r="AJ158" s="287"/>
      <c r="AK158" s="275"/>
      <c r="AL158" s="276"/>
    </row>
    <row r="159" spans="1:38" s="76" customFormat="1" ht="13.5" customHeight="1" thickBot="1">
      <c r="A159" s="125"/>
      <c r="B159" s="125"/>
      <c r="C159" s="288"/>
      <c r="D159" s="289"/>
      <c r="E159" s="289"/>
      <c r="F159" s="289"/>
      <c r="G159" s="289"/>
      <c r="H159" s="289"/>
      <c r="I159" s="289"/>
      <c r="J159" s="289"/>
      <c r="K159" s="289"/>
      <c r="L159" s="289"/>
      <c r="M159" s="289"/>
      <c r="N159" s="289"/>
      <c r="O159" s="289"/>
      <c r="P159" s="289"/>
      <c r="Q159" s="289"/>
      <c r="R159" s="289"/>
      <c r="S159" s="289"/>
      <c r="T159" s="289"/>
      <c r="U159" s="289"/>
      <c r="V159" s="289"/>
      <c r="W159" s="289"/>
      <c r="X159" s="289"/>
      <c r="Y159" s="289"/>
      <c r="Z159" s="289"/>
      <c r="AA159" s="289"/>
      <c r="AB159" s="289"/>
      <c r="AC159" s="289"/>
      <c r="AD159" s="289"/>
      <c r="AE159" s="289"/>
      <c r="AF159" s="289"/>
      <c r="AG159" s="289"/>
      <c r="AH159" s="289"/>
      <c r="AI159" s="289"/>
      <c r="AJ159" s="290"/>
      <c r="AK159" s="282"/>
      <c r="AL159" s="283"/>
    </row>
    <row r="160" spans="1:38" s="76" customFormat="1" ht="13.5" customHeight="1" thickTop="1">
      <c r="A160" s="125"/>
      <c r="B160" s="125"/>
      <c r="C160" s="286" t="s">
        <v>434</v>
      </c>
      <c r="D160" s="286"/>
      <c r="E160" s="286"/>
      <c r="F160" s="286"/>
      <c r="G160" s="286"/>
      <c r="H160" s="286"/>
      <c r="I160" s="286"/>
      <c r="J160" s="286"/>
      <c r="K160" s="286"/>
      <c r="L160" s="286"/>
      <c r="M160" s="286"/>
      <c r="N160" s="286"/>
      <c r="O160" s="286"/>
      <c r="P160" s="286"/>
      <c r="Q160" s="286"/>
      <c r="R160" s="286"/>
      <c r="S160" s="286"/>
      <c r="T160" s="286"/>
      <c r="U160" s="286"/>
      <c r="V160" s="286"/>
      <c r="W160" s="286"/>
      <c r="X160" s="286"/>
      <c r="Y160" s="286"/>
      <c r="Z160" s="286"/>
      <c r="AA160" s="286"/>
      <c r="AB160" s="286"/>
      <c r="AC160" s="286"/>
      <c r="AD160" s="286"/>
      <c r="AE160" s="286"/>
      <c r="AF160" s="286"/>
      <c r="AG160" s="286"/>
      <c r="AH160" s="286"/>
      <c r="AI160" s="286"/>
      <c r="AJ160" s="286"/>
      <c r="AK160" s="142"/>
      <c r="AL160" s="142"/>
    </row>
    <row r="161" spans="1:38" s="76" customFormat="1" ht="13.5" customHeight="1">
      <c r="A161" s="125"/>
      <c r="B161" s="125"/>
      <c r="C161" s="251"/>
      <c r="D161" s="251"/>
      <c r="E161" s="251"/>
      <c r="F161" s="251"/>
      <c r="G161" s="251"/>
      <c r="H161" s="251"/>
      <c r="I161" s="251"/>
      <c r="J161" s="251"/>
      <c r="K161" s="251"/>
      <c r="L161" s="251"/>
      <c r="M161" s="251"/>
      <c r="N161" s="251"/>
      <c r="O161" s="251"/>
      <c r="P161" s="251"/>
      <c r="Q161" s="251"/>
      <c r="R161" s="251"/>
      <c r="S161" s="251"/>
      <c r="T161" s="251"/>
      <c r="U161" s="251"/>
      <c r="V161" s="251"/>
      <c r="W161" s="251"/>
      <c r="X161" s="251"/>
      <c r="Y161" s="251"/>
      <c r="Z161" s="251"/>
      <c r="AA161" s="251"/>
      <c r="AB161" s="251"/>
      <c r="AC161" s="251"/>
      <c r="AD161" s="251"/>
      <c r="AE161" s="251"/>
      <c r="AF161" s="251"/>
      <c r="AG161" s="251"/>
      <c r="AH161" s="251"/>
      <c r="AI161" s="251"/>
      <c r="AJ161" s="251"/>
      <c r="AK161" s="142"/>
      <c r="AL161" s="142"/>
    </row>
    <row r="162" spans="1:38" s="76" customFormat="1" ht="13.5" customHeight="1">
      <c r="A162" s="125"/>
      <c r="B162" s="125"/>
      <c r="C162" s="251"/>
      <c r="D162" s="251"/>
      <c r="E162" s="251"/>
      <c r="F162" s="251"/>
      <c r="G162" s="251"/>
      <c r="H162" s="251"/>
      <c r="I162" s="251"/>
      <c r="J162" s="251"/>
      <c r="K162" s="251"/>
      <c r="L162" s="251"/>
      <c r="M162" s="251"/>
      <c r="N162" s="251"/>
      <c r="O162" s="251"/>
      <c r="P162" s="251"/>
      <c r="Q162" s="251"/>
      <c r="R162" s="251"/>
      <c r="S162" s="251"/>
      <c r="T162" s="251"/>
      <c r="U162" s="251"/>
      <c r="V162" s="251"/>
      <c r="W162" s="251"/>
      <c r="X162" s="251"/>
      <c r="Y162" s="251"/>
      <c r="Z162" s="251"/>
      <c r="AA162" s="251"/>
      <c r="AB162" s="251"/>
      <c r="AC162" s="251"/>
      <c r="AD162" s="251"/>
      <c r="AE162" s="251"/>
      <c r="AF162" s="251"/>
      <c r="AG162" s="251"/>
      <c r="AH162" s="251"/>
      <c r="AI162" s="251"/>
      <c r="AJ162" s="251"/>
      <c r="AK162" s="142"/>
      <c r="AL162" s="142"/>
    </row>
    <row r="163" spans="1:38" s="76" customFormat="1" ht="13.5" customHeight="1" thickBot="1">
      <c r="D163" s="77"/>
      <c r="E163" s="77"/>
      <c r="F163" s="77"/>
      <c r="G163" s="77"/>
      <c r="H163" s="77"/>
      <c r="I163" s="77"/>
      <c r="J163" s="77"/>
      <c r="K163" s="77"/>
      <c r="L163" s="77"/>
      <c r="M163" s="77"/>
      <c r="N163" s="77"/>
      <c r="O163" s="77"/>
      <c r="P163" s="77"/>
      <c r="Q163" s="77"/>
      <c r="R163" s="77"/>
      <c r="S163" s="77"/>
      <c r="T163" s="77"/>
      <c r="U163" s="77"/>
      <c r="V163" s="77"/>
      <c r="W163" s="77"/>
      <c r="X163" s="77"/>
      <c r="Y163" s="77"/>
      <c r="Z163" s="77"/>
      <c r="AA163" s="77"/>
      <c r="AB163" s="77"/>
      <c r="AC163" s="77"/>
      <c r="AD163" s="77"/>
      <c r="AE163" s="77"/>
      <c r="AF163" s="77"/>
      <c r="AG163" s="77"/>
      <c r="AH163" s="77"/>
      <c r="AI163" s="77"/>
      <c r="AJ163" s="77"/>
    </row>
    <row r="164" spans="1:38" s="76" customFormat="1" ht="13.5" customHeight="1" thickTop="1">
      <c r="A164" s="266">
        <v>13</v>
      </c>
      <c r="B164" s="267"/>
      <c r="C164" s="270" t="s">
        <v>491</v>
      </c>
      <c r="D164" s="271"/>
      <c r="E164" s="271"/>
      <c r="F164" s="271"/>
      <c r="G164" s="271"/>
      <c r="H164" s="271"/>
      <c r="I164" s="271"/>
      <c r="J164" s="271"/>
      <c r="K164" s="271"/>
      <c r="L164" s="271"/>
      <c r="M164" s="271"/>
      <c r="N164" s="271"/>
      <c r="O164" s="271"/>
      <c r="P164" s="271"/>
      <c r="Q164" s="271"/>
      <c r="R164" s="271"/>
      <c r="S164" s="271"/>
      <c r="T164" s="271"/>
      <c r="U164" s="271"/>
      <c r="V164" s="271"/>
      <c r="W164" s="271"/>
      <c r="X164" s="271"/>
      <c r="Y164" s="271"/>
      <c r="Z164" s="271"/>
      <c r="AA164" s="271"/>
      <c r="AB164" s="271"/>
      <c r="AC164" s="271"/>
      <c r="AD164" s="271"/>
      <c r="AE164" s="271"/>
      <c r="AF164" s="271"/>
      <c r="AG164" s="271"/>
      <c r="AH164" s="271"/>
      <c r="AI164" s="271"/>
      <c r="AJ164" s="271"/>
      <c r="AK164" s="275"/>
      <c r="AL164" s="276"/>
    </row>
    <row r="165" spans="1:38" s="76" customFormat="1" ht="13.5" customHeight="1" thickBot="1">
      <c r="A165" s="268"/>
      <c r="B165" s="269"/>
      <c r="C165" s="272"/>
      <c r="D165" s="281"/>
      <c r="E165" s="281"/>
      <c r="F165" s="281"/>
      <c r="G165" s="281"/>
      <c r="H165" s="281"/>
      <c r="I165" s="281"/>
      <c r="J165" s="281"/>
      <c r="K165" s="281"/>
      <c r="L165" s="281"/>
      <c r="M165" s="281"/>
      <c r="N165" s="281"/>
      <c r="O165" s="281"/>
      <c r="P165" s="281"/>
      <c r="Q165" s="281"/>
      <c r="R165" s="281"/>
      <c r="S165" s="281"/>
      <c r="T165" s="281"/>
      <c r="U165" s="281"/>
      <c r="V165" s="281"/>
      <c r="W165" s="281"/>
      <c r="X165" s="281"/>
      <c r="Y165" s="281"/>
      <c r="Z165" s="281"/>
      <c r="AA165" s="281"/>
      <c r="AB165" s="281"/>
      <c r="AC165" s="281"/>
      <c r="AD165" s="281"/>
      <c r="AE165" s="281"/>
      <c r="AF165" s="281"/>
      <c r="AG165" s="281"/>
      <c r="AH165" s="281"/>
      <c r="AI165" s="281"/>
      <c r="AJ165" s="281"/>
      <c r="AK165" s="282"/>
      <c r="AL165" s="283"/>
    </row>
    <row r="166" spans="1:38" s="76" customFormat="1" ht="13.5" customHeight="1" thickTop="1">
      <c r="A166" s="125"/>
      <c r="B166" s="125"/>
      <c r="C166" s="273"/>
      <c r="D166" s="274"/>
      <c r="E166" s="274"/>
      <c r="F166" s="274"/>
      <c r="G166" s="274"/>
      <c r="H166" s="274"/>
      <c r="I166" s="274"/>
      <c r="J166" s="274"/>
      <c r="K166" s="274"/>
      <c r="L166" s="274"/>
      <c r="M166" s="274"/>
      <c r="N166" s="274"/>
      <c r="O166" s="274"/>
      <c r="P166" s="274"/>
      <c r="Q166" s="274"/>
      <c r="R166" s="274"/>
      <c r="S166" s="274"/>
      <c r="T166" s="274"/>
      <c r="U166" s="274"/>
      <c r="V166" s="274"/>
      <c r="W166" s="274"/>
      <c r="X166" s="274"/>
      <c r="Y166" s="274"/>
      <c r="Z166" s="274"/>
      <c r="AA166" s="274"/>
      <c r="AB166" s="274"/>
      <c r="AC166" s="274"/>
      <c r="AD166" s="274"/>
      <c r="AE166" s="274"/>
      <c r="AF166" s="274"/>
      <c r="AG166" s="274"/>
      <c r="AH166" s="274"/>
      <c r="AI166" s="274"/>
      <c r="AJ166" s="274"/>
      <c r="AK166" s="146"/>
      <c r="AL166" s="147"/>
    </row>
    <row r="167" spans="1:38" s="76" customFormat="1" ht="13.5" customHeight="1" thickBot="1">
      <c r="A167" s="125"/>
      <c r="B167" s="125"/>
      <c r="C167" s="139"/>
      <c r="D167" s="139"/>
      <c r="E167" s="139"/>
      <c r="F167" s="139"/>
      <c r="G167" s="139"/>
      <c r="H167" s="139"/>
      <c r="I167" s="139"/>
      <c r="J167" s="139"/>
      <c r="K167" s="139"/>
      <c r="L167" s="139"/>
      <c r="M167" s="139"/>
      <c r="N167" s="139"/>
      <c r="O167" s="139"/>
      <c r="P167" s="139"/>
      <c r="Q167" s="139"/>
      <c r="R167" s="139"/>
      <c r="S167" s="139"/>
      <c r="T167" s="139"/>
      <c r="U167" s="139"/>
      <c r="V167" s="139"/>
      <c r="W167" s="139"/>
      <c r="X167" s="139"/>
      <c r="Y167" s="139"/>
      <c r="Z167" s="139"/>
      <c r="AA167" s="139"/>
      <c r="AB167" s="139"/>
      <c r="AC167" s="139"/>
      <c r="AD167" s="139"/>
      <c r="AE167" s="139"/>
      <c r="AF167" s="139"/>
      <c r="AG167" s="139"/>
      <c r="AH167" s="139"/>
      <c r="AI167" s="139"/>
      <c r="AJ167" s="139"/>
      <c r="AK167" s="142"/>
      <c r="AL167" s="142"/>
    </row>
    <row r="168" spans="1:38" s="76" customFormat="1" ht="13.5" customHeight="1" thickTop="1">
      <c r="A168" s="266">
        <v>14</v>
      </c>
      <c r="B168" s="267"/>
      <c r="C168" s="270" t="s">
        <v>492</v>
      </c>
      <c r="D168" s="271"/>
      <c r="E168" s="271"/>
      <c r="F168" s="271"/>
      <c r="G168" s="271"/>
      <c r="H168" s="271"/>
      <c r="I168" s="271"/>
      <c r="J168" s="271"/>
      <c r="K168" s="271"/>
      <c r="L168" s="271"/>
      <c r="M168" s="271"/>
      <c r="N168" s="271"/>
      <c r="O168" s="271"/>
      <c r="P168" s="271"/>
      <c r="Q168" s="271"/>
      <c r="R168" s="271"/>
      <c r="S168" s="271"/>
      <c r="T168" s="271"/>
      <c r="U168" s="271"/>
      <c r="V168" s="271"/>
      <c r="W168" s="271"/>
      <c r="X168" s="271"/>
      <c r="Y168" s="271"/>
      <c r="Z168" s="271"/>
      <c r="AA168" s="271"/>
      <c r="AB168" s="271"/>
      <c r="AC168" s="271"/>
      <c r="AD168" s="271"/>
      <c r="AE168" s="271"/>
      <c r="AF168" s="271"/>
      <c r="AG168" s="271"/>
      <c r="AH168" s="271"/>
      <c r="AI168" s="271"/>
      <c r="AJ168" s="271"/>
      <c r="AK168" s="275"/>
      <c r="AL168" s="276"/>
    </row>
    <row r="169" spans="1:38" s="76" customFormat="1" ht="13.5" customHeight="1" thickBot="1">
      <c r="A169" s="268"/>
      <c r="B169" s="269"/>
      <c r="C169" s="272"/>
      <c r="D169" s="281"/>
      <c r="E169" s="281"/>
      <c r="F169" s="281"/>
      <c r="G169" s="281"/>
      <c r="H169" s="281"/>
      <c r="I169" s="281"/>
      <c r="J169" s="281"/>
      <c r="K169" s="281"/>
      <c r="L169" s="281"/>
      <c r="M169" s="281"/>
      <c r="N169" s="281"/>
      <c r="O169" s="281"/>
      <c r="P169" s="281"/>
      <c r="Q169" s="281"/>
      <c r="R169" s="281"/>
      <c r="S169" s="281"/>
      <c r="T169" s="281"/>
      <c r="U169" s="281"/>
      <c r="V169" s="281"/>
      <c r="W169" s="281"/>
      <c r="X169" s="281"/>
      <c r="Y169" s="281"/>
      <c r="Z169" s="281"/>
      <c r="AA169" s="281"/>
      <c r="AB169" s="281"/>
      <c r="AC169" s="281"/>
      <c r="AD169" s="281"/>
      <c r="AE169" s="281"/>
      <c r="AF169" s="281"/>
      <c r="AG169" s="281"/>
      <c r="AH169" s="281"/>
      <c r="AI169" s="281"/>
      <c r="AJ169" s="281"/>
      <c r="AK169" s="282"/>
      <c r="AL169" s="283"/>
    </row>
    <row r="170" spans="1:38" s="76" customFormat="1" ht="13.5" customHeight="1" thickTop="1">
      <c r="A170" s="125"/>
      <c r="B170" s="125"/>
      <c r="C170" s="273"/>
      <c r="D170" s="274"/>
      <c r="E170" s="274"/>
      <c r="F170" s="274"/>
      <c r="G170" s="274"/>
      <c r="H170" s="274"/>
      <c r="I170" s="274"/>
      <c r="J170" s="274"/>
      <c r="K170" s="274"/>
      <c r="L170" s="274"/>
      <c r="M170" s="274"/>
      <c r="N170" s="274"/>
      <c r="O170" s="274"/>
      <c r="P170" s="274"/>
      <c r="Q170" s="274"/>
      <c r="R170" s="274"/>
      <c r="S170" s="274"/>
      <c r="T170" s="274"/>
      <c r="U170" s="274"/>
      <c r="V170" s="274"/>
      <c r="W170" s="274"/>
      <c r="X170" s="274"/>
      <c r="Y170" s="274"/>
      <c r="Z170" s="274"/>
      <c r="AA170" s="274"/>
      <c r="AB170" s="274"/>
      <c r="AC170" s="274"/>
      <c r="AD170" s="274"/>
      <c r="AE170" s="274"/>
      <c r="AF170" s="274"/>
      <c r="AG170" s="274"/>
      <c r="AH170" s="274"/>
      <c r="AI170" s="274"/>
      <c r="AJ170" s="274"/>
      <c r="AK170" s="146"/>
      <c r="AL170" s="147"/>
    </row>
    <row r="171" spans="1:38" s="76" customFormat="1" ht="13.5" customHeight="1" thickBot="1">
      <c r="A171" s="125"/>
      <c r="B171" s="125"/>
      <c r="C171" s="133"/>
      <c r="D171" s="133"/>
      <c r="E171" s="133"/>
      <c r="F171" s="133"/>
      <c r="G171" s="133"/>
      <c r="H171" s="133"/>
      <c r="I171" s="133"/>
      <c r="J171" s="133"/>
      <c r="K171" s="133"/>
      <c r="L171" s="133"/>
      <c r="M171" s="133"/>
      <c r="N171" s="133"/>
      <c r="O171" s="133"/>
      <c r="P171" s="133"/>
      <c r="Q171" s="133"/>
      <c r="R171" s="133"/>
      <c r="S171" s="133"/>
      <c r="T171" s="133"/>
      <c r="U171" s="133"/>
      <c r="V171" s="133"/>
      <c r="W171" s="133"/>
      <c r="X171" s="133"/>
      <c r="Y171" s="133"/>
      <c r="Z171" s="133"/>
      <c r="AA171" s="133"/>
      <c r="AB171" s="133"/>
      <c r="AC171" s="133"/>
      <c r="AD171" s="133"/>
      <c r="AE171" s="133"/>
      <c r="AF171" s="133"/>
      <c r="AG171" s="133"/>
      <c r="AH171" s="133"/>
      <c r="AI171" s="133"/>
      <c r="AJ171" s="133"/>
      <c r="AK171" s="96"/>
    </row>
    <row r="172" spans="1:38" s="76" customFormat="1" ht="13.5" customHeight="1" thickTop="1">
      <c r="A172" s="266">
        <v>15</v>
      </c>
      <c r="B172" s="267"/>
      <c r="C172" s="270" t="s">
        <v>493</v>
      </c>
      <c r="D172" s="271"/>
      <c r="E172" s="271"/>
      <c r="F172" s="271"/>
      <c r="G172" s="271"/>
      <c r="H172" s="271"/>
      <c r="I172" s="271"/>
      <c r="J172" s="271"/>
      <c r="K172" s="271"/>
      <c r="L172" s="271"/>
      <c r="M172" s="271"/>
      <c r="N172" s="271"/>
      <c r="O172" s="271"/>
      <c r="P172" s="271"/>
      <c r="Q172" s="271"/>
      <c r="R172" s="271"/>
      <c r="S172" s="271"/>
      <c r="T172" s="271"/>
      <c r="U172" s="271"/>
      <c r="V172" s="271"/>
      <c r="W172" s="271"/>
      <c r="X172" s="271"/>
      <c r="Y172" s="271"/>
      <c r="Z172" s="271"/>
      <c r="AA172" s="271"/>
      <c r="AB172" s="271"/>
      <c r="AC172" s="271"/>
      <c r="AD172" s="271"/>
      <c r="AE172" s="271"/>
      <c r="AF172" s="271"/>
      <c r="AG172" s="271"/>
      <c r="AH172" s="271"/>
      <c r="AI172" s="271"/>
      <c r="AJ172" s="279"/>
      <c r="AK172" s="275"/>
      <c r="AL172" s="276"/>
    </row>
    <row r="173" spans="1:38" s="76" customFormat="1" ht="13.5" customHeight="1" thickBot="1">
      <c r="A173" s="268"/>
      <c r="B173" s="269"/>
      <c r="C173" s="273"/>
      <c r="D173" s="274"/>
      <c r="E173" s="274"/>
      <c r="F173" s="274"/>
      <c r="G173" s="274"/>
      <c r="H173" s="274"/>
      <c r="I173" s="274"/>
      <c r="J173" s="274"/>
      <c r="K173" s="274"/>
      <c r="L173" s="274"/>
      <c r="M173" s="274"/>
      <c r="N173" s="274"/>
      <c r="O173" s="274"/>
      <c r="P173" s="274"/>
      <c r="Q173" s="274"/>
      <c r="R173" s="274"/>
      <c r="S173" s="274"/>
      <c r="T173" s="274"/>
      <c r="U173" s="274"/>
      <c r="V173" s="274"/>
      <c r="W173" s="274"/>
      <c r="X173" s="274"/>
      <c r="Y173" s="274"/>
      <c r="Z173" s="274"/>
      <c r="AA173" s="274"/>
      <c r="AB173" s="274"/>
      <c r="AC173" s="274"/>
      <c r="AD173" s="274"/>
      <c r="AE173" s="274"/>
      <c r="AF173" s="274"/>
      <c r="AG173" s="274"/>
      <c r="AH173" s="274"/>
      <c r="AI173" s="274"/>
      <c r="AJ173" s="280"/>
      <c r="AK173" s="277"/>
      <c r="AL173" s="278"/>
    </row>
    <row r="174" spans="1:38" s="76" customFormat="1" ht="13.5" customHeight="1" thickTop="1">
      <c r="A174" s="125"/>
      <c r="B174" s="125"/>
      <c r="C174" s="133"/>
      <c r="D174" s="133"/>
      <c r="E174" s="133"/>
      <c r="F174" s="133"/>
      <c r="G174" s="133"/>
      <c r="H174" s="133"/>
      <c r="I174" s="133"/>
      <c r="J174" s="133"/>
      <c r="K174" s="133"/>
      <c r="L174" s="133"/>
      <c r="M174" s="133"/>
      <c r="N174" s="133"/>
      <c r="O174" s="133"/>
      <c r="P174" s="133"/>
      <c r="Q174" s="133"/>
      <c r="R174" s="133"/>
      <c r="S174" s="133"/>
      <c r="T174" s="133"/>
      <c r="U174" s="133"/>
      <c r="V174" s="133"/>
      <c r="W174" s="133"/>
      <c r="X174" s="133"/>
      <c r="Y174" s="133"/>
      <c r="Z174" s="133"/>
      <c r="AA174" s="133"/>
      <c r="AB174" s="133"/>
      <c r="AC174" s="133"/>
      <c r="AD174" s="133"/>
      <c r="AE174" s="133"/>
      <c r="AF174" s="133"/>
      <c r="AG174" s="133"/>
      <c r="AH174" s="133"/>
      <c r="AI174" s="133"/>
      <c r="AJ174" s="133"/>
      <c r="AK174" s="126"/>
      <c r="AL174" s="126"/>
    </row>
    <row r="175" spans="1:38" s="76" customFormat="1" ht="13.5" customHeight="1">
      <c r="B175" s="96"/>
      <c r="C175" s="431" t="s">
        <v>49</v>
      </c>
      <c r="D175" s="432"/>
      <c r="E175" s="432"/>
      <c r="F175" s="432"/>
      <c r="G175" s="432"/>
      <c r="H175" s="432"/>
      <c r="I175" s="432"/>
      <c r="J175" s="432"/>
      <c r="K175" s="432"/>
      <c r="L175" s="432"/>
      <c r="M175" s="432"/>
      <c r="N175" s="433"/>
      <c r="O175" s="325" t="s">
        <v>39</v>
      </c>
      <c r="P175" s="432"/>
      <c r="Q175" s="432"/>
      <c r="R175" s="432"/>
      <c r="S175" s="432"/>
      <c r="T175" s="432"/>
      <c r="U175" s="432"/>
      <c r="V175" s="432"/>
      <c r="W175" s="432"/>
      <c r="X175" s="432"/>
      <c r="Y175" s="433"/>
      <c r="Z175" s="126"/>
      <c r="AA175" s="414" t="s">
        <v>50</v>
      </c>
      <c r="AB175" s="415"/>
      <c r="AC175" s="415"/>
      <c r="AD175" s="416"/>
      <c r="AE175" s="324" t="s">
        <v>51</v>
      </c>
      <c r="AF175" s="324"/>
      <c r="AG175" s="324"/>
      <c r="AH175" s="324"/>
      <c r="AI175" s="324" t="s">
        <v>52</v>
      </c>
      <c r="AJ175" s="324"/>
      <c r="AK175" s="324"/>
      <c r="AL175" s="324"/>
    </row>
    <row r="176" spans="1:38" s="76" customFormat="1" ht="13.5" customHeight="1">
      <c r="C176" s="434"/>
      <c r="D176" s="435"/>
      <c r="E176" s="435"/>
      <c r="F176" s="435"/>
      <c r="G176" s="435"/>
      <c r="H176" s="435"/>
      <c r="I176" s="435"/>
      <c r="J176" s="435"/>
      <c r="K176" s="435"/>
      <c r="L176" s="435"/>
      <c r="M176" s="435"/>
      <c r="N176" s="436"/>
      <c r="O176" s="325"/>
      <c r="P176" s="435"/>
      <c r="Q176" s="435"/>
      <c r="R176" s="435"/>
      <c r="S176" s="435"/>
      <c r="T176" s="435"/>
      <c r="U176" s="435"/>
      <c r="V176" s="435"/>
      <c r="W176" s="435"/>
      <c r="X176" s="435"/>
      <c r="Y176" s="436"/>
      <c r="Z176" s="126"/>
      <c r="AA176" s="417"/>
      <c r="AB176" s="363"/>
      <c r="AC176" s="363"/>
      <c r="AD176" s="418"/>
      <c r="AE176" s="325"/>
      <c r="AF176" s="325"/>
      <c r="AG176" s="325"/>
      <c r="AH176" s="325"/>
      <c r="AI176" s="325"/>
      <c r="AJ176" s="325"/>
      <c r="AK176" s="430"/>
      <c r="AL176" s="430"/>
    </row>
    <row r="177" spans="1:38" s="76" customFormat="1" ht="13.5" customHeight="1">
      <c r="B177" s="148"/>
      <c r="C177" s="414" t="s">
        <v>53</v>
      </c>
      <c r="D177" s="415"/>
      <c r="E177" s="415"/>
      <c r="F177" s="415"/>
      <c r="G177" s="415"/>
      <c r="H177" s="415"/>
      <c r="I177" s="415"/>
      <c r="J177" s="415"/>
      <c r="K177" s="415"/>
      <c r="L177" s="415"/>
      <c r="M177" s="415"/>
      <c r="N177" s="415"/>
      <c r="O177" s="363"/>
      <c r="P177" s="415"/>
      <c r="Q177" s="415"/>
      <c r="R177" s="416"/>
      <c r="S177" s="325" t="s">
        <v>54</v>
      </c>
      <c r="T177" s="414"/>
      <c r="U177" s="415"/>
      <c r="V177" s="415"/>
      <c r="W177" s="415"/>
      <c r="X177" s="415"/>
      <c r="Y177" s="415"/>
      <c r="Z177" s="415"/>
      <c r="AA177" s="415"/>
      <c r="AB177" s="415"/>
      <c r="AC177" s="415"/>
      <c r="AD177" s="415"/>
      <c r="AE177" s="415"/>
      <c r="AF177" s="415"/>
      <c r="AG177" s="415"/>
      <c r="AH177" s="415"/>
      <c r="AI177" s="415"/>
      <c r="AJ177" s="416"/>
      <c r="AK177" s="96"/>
      <c r="AL177" s="96"/>
    </row>
    <row r="178" spans="1:38" s="76" customFormat="1" ht="13.5" customHeight="1">
      <c r="C178" s="421"/>
      <c r="D178" s="422"/>
      <c r="E178" s="422"/>
      <c r="F178" s="422"/>
      <c r="G178" s="422"/>
      <c r="H178" s="422"/>
      <c r="I178" s="422"/>
      <c r="J178" s="422"/>
      <c r="K178" s="422"/>
      <c r="L178" s="422"/>
      <c r="M178" s="422"/>
      <c r="N178" s="422"/>
      <c r="O178" s="422"/>
      <c r="P178" s="422"/>
      <c r="Q178" s="422"/>
      <c r="R178" s="423"/>
      <c r="S178" s="325"/>
      <c r="T178" s="421"/>
      <c r="U178" s="422"/>
      <c r="V178" s="422"/>
      <c r="W178" s="422"/>
      <c r="X178" s="422"/>
      <c r="Y178" s="422"/>
      <c r="Z178" s="422"/>
      <c r="AA178" s="422"/>
      <c r="AB178" s="422"/>
      <c r="AC178" s="422"/>
      <c r="AD178" s="422"/>
      <c r="AE178" s="422"/>
      <c r="AF178" s="422"/>
      <c r="AG178" s="422"/>
      <c r="AH178" s="422"/>
      <c r="AI178" s="422"/>
      <c r="AJ178" s="423"/>
      <c r="AK178" s="96"/>
      <c r="AL178" s="96"/>
    </row>
    <row r="179" spans="1:38" s="76" customFormat="1" ht="13.5" customHeight="1">
      <c r="C179" s="414" t="s">
        <v>55</v>
      </c>
      <c r="D179" s="415"/>
      <c r="E179" s="415"/>
      <c r="F179" s="415"/>
      <c r="G179" s="415"/>
      <c r="H179" s="415"/>
      <c r="I179" s="415"/>
      <c r="J179" s="415"/>
      <c r="K179" s="415"/>
      <c r="L179" s="415"/>
      <c r="M179" s="415"/>
      <c r="N179" s="415"/>
      <c r="O179" s="415"/>
      <c r="P179" s="415"/>
      <c r="Q179" s="415"/>
      <c r="R179" s="416"/>
      <c r="S179" s="325" t="s">
        <v>54</v>
      </c>
      <c r="T179" s="414"/>
      <c r="U179" s="415"/>
      <c r="V179" s="415"/>
      <c r="W179" s="415"/>
      <c r="X179" s="415"/>
      <c r="Y179" s="415"/>
      <c r="Z179" s="415"/>
      <c r="AA179" s="415"/>
      <c r="AB179" s="415"/>
      <c r="AC179" s="415"/>
      <c r="AD179" s="415"/>
      <c r="AE179" s="415"/>
      <c r="AF179" s="415"/>
      <c r="AG179" s="415"/>
      <c r="AH179" s="415"/>
      <c r="AI179" s="415"/>
      <c r="AJ179" s="416"/>
    </row>
    <row r="180" spans="1:38" s="76" customFormat="1" ht="13.5" customHeight="1">
      <c r="C180" s="421"/>
      <c r="D180" s="422"/>
      <c r="E180" s="422"/>
      <c r="F180" s="422"/>
      <c r="G180" s="422"/>
      <c r="H180" s="422"/>
      <c r="I180" s="422"/>
      <c r="J180" s="422"/>
      <c r="K180" s="422"/>
      <c r="L180" s="422"/>
      <c r="M180" s="422"/>
      <c r="N180" s="422"/>
      <c r="O180" s="422"/>
      <c r="P180" s="422"/>
      <c r="Q180" s="422"/>
      <c r="R180" s="423"/>
      <c r="S180" s="325"/>
      <c r="T180" s="421"/>
      <c r="U180" s="422"/>
      <c r="V180" s="422"/>
      <c r="W180" s="422"/>
      <c r="X180" s="422"/>
      <c r="Y180" s="422"/>
      <c r="Z180" s="422"/>
      <c r="AA180" s="422"/>
      <c r="AB180" s="422"/>
      <c r="AC180" s="422"/>
      <c r="AD180" s="422"/>
      <c r="AE180" s="422"/>
      <c r="AF180" s="422"/>
      <c r="AG180" s="422"/>
      <c r="AH180" s="422"/>
      <c r="AI180" s="422"/>
      <c r="AJ180" s="423"/>
    </row>
    <row r="181" spans="1:38" s="76" customFormat="1" ht="13.5" customHeight="1">
      <c r="C181" s="414" t="s">
        <v>56</v>
      </c>
      <c r="D181" s="415"/>
      <c r="E181" s="415"/>
      <c r="F181" s="415"/>
      <c r="G181" s="415"/>
      <c r="H181" s="415"/>
      <c r="I181" s="415"/>
      <c r="J181" s="415"/>
      <c r="K181" s="415"/>
      <c r="L181" s="415"/>
      <c r="M181" s="415"/>
      <c r="N181" s="415"/>
      <c r="O181" s="415"/>
      <c r="P181" s="415"/>
      <c r="Q181" s="415"/>
      <c r="R181" s="416"/>
      <c r="S181" s="424" t="s">
        <v>54</v>
      </c>
      <c r="T181" s="425" t="s">
        <v>57</v>
      </c>
      <c r="U181" s="426"/>
      <c r="V181" s="426"/>
      <c r="W181" s="426"/>
      <c r="X181" s="426"/>
      <c r="Y181" s="426"/>
      <c r="Z181" s="415" t="s">
        <v>58</v>
      </c>
      <c r="AA181" s="415"/>
      <c r="AB181" s="416"/>
      <c r="AC181" s="126"/>
      <c r="AD181" s="126"/>
      <c r="AE181" s="126"/>
      <c r="AF181" s="126"/>
      <c r="AG181" s="126"/>
      <c r="AH181" s="126"/>
      <c r="AI181" s="126"/>
      <c r="AJ181" s="126"/>
    </row>
    <row r="182" spans="1:38" s="76" customFormat="1" ht="13.5" customHeight="1">
      <c r="C182" s="421"/>
      <c r="D182" s="422"/>
      <c r="E182" s="422"/>
      <c r="F182" s="422"/>
      <c r="G182" s="422"/>
      <c r="H182" s="422"/>
      <c r="I182" s="422"/>
      <c r="J182" s="422"/>
      <c r="K182" s="422"/>
      <c r="L182" s="422"/>
      <c r="M182" s="422"/>
      <c r="N182" s="422"/>
      <c r="O182" s="422"/>
      <c r="P182" s="422"/>
      <c r="Q182" s="422"/>
      <c r="R182" s="423"/>
      <c r="S182" s="424"/>
      <c r="T182" s="427"/>
      <c r="U182" s="428"/>
      <c r="V182" s="428"/>
      <c r="W182" s="428"/>
      <c r="X182" s="428"/>
      <c r="Y182" s="428"/>
      <c r="Z182" s="422"/>
      <c r="AA182" s="422"/>
      <c r="AB182" s="423"/>
      <c r="AC182" s="126"/>
      <c r="AD182" s="126"/>
      <c r="AE182" s="126"/>
      <c r="AF182" s="126"/>
      <c r="AG182" s="126"/>
      <c r="AH182" s="126"/>
      <c r="AI182" s="126"/>
      <c r="AJ182" s="126"/>
    </row>
    <row r="183" spans="1:38" s="76" customFormat="1" ht="13.5" customHeight="1" thickBot="1">
      <c r="C183" s="126"/>
      <c r="D183" s="126"/>
      <c r="E183" s="126"/>
      <c r="F183" s="126"/>
      <c r="G183" s="126"/>
      <c r="H183" s="126"/>
      <c r="I183" s="126"/>
      <c r="J183" s="126"/>
      <c r="K183" s="126"/>
      <c r="L183" s="126"/>
      <c r="M183" s="126"/>
      <c r="N183" s="126"/>
      <c r="O183" s="126"/>
      <c r="P183" s="126"/>
      <c r="Q183" s="126"/>
      <c r="R183" s="126"/>
      <c r="S183" s="126"/>
      <c r="T183" s="149"/>
      <c r="U183" s="149"/>
      <c r="V183" s="149"/>
      <c r="W183" s="149"/>
      <c r="X183" s="149"/>
      <c r="Y183" s="149"/>
      <c r="Z183" s="126"/>
      <c r="AA183" s="126"/>
      <c r="AB183" s="126"/>
      <c r="AC183" s="126"/>
      <c r="AD183" s="126"/>
      <c r="AE183" s="126"/>
      <c r="AF183" s="126"/>
      <c r="AG183" s="126"/>
      <c r="AH183" s="126"/>
      <c r="AI183" s="126"/>
      <c r="AJ183" s="126"/>
    </row>
    <row r="184" spans="1:38" s="76" customFormat="1" ht="13.5" customHeight="1" thickTop="1">
      <c r="A184" s="266">
        <v>16</v>
      </c>
      <c r="B184" s="267"/>
      <c r="C184" s="270" t="s">
        <v>652</v>
      </c>
      <c r="D184" s="271"/>
      <c r="E184" s="271"/>
      <c r="F184" s="271"/>
      <c r="G184" s="271"/>
      <c r="H184" s="271"/>
      <c r="I184" s="271"/>
      <c r="J184" s="271"/>
      <c r="K184" s="271"/>
      <c r="L184" s="271"/>
      <c r="M184" s="271"/>
      <c r="N184" s="271"/>
      <c r="O184" s="271"/>
      <c r="P184" s="271"/>
      <c r="Q184" s="271"/>
      <c r="R184" s="271"/>
      <c r="S184" s="271"/>
      <c r="T184" s="271"/>
      <c r="U184" s="271"/>
      <c r="V184" s="271"/>
      <c r="W184" s="271"/>
      <c r="X184" s="271"/>
      <c r="Y184" s="271"/>
      <c r="Z184" s="271"/>
      <c r="AA184" s="271"/>
      <c r="AB184" s="271"/>
      <c r="AC184" s="271"/>
      <c r="AD184" s="271"/>
      <c r="AE184" s="271"/>
      <c r="AF184" s="271"/>
      <c r="AG184" s="271"/>
      <c r="AH184" s="271"/>
      <c r="AI184" s="271"/>
      <c r="AJ184" s="271"/>
      <c r="AK184" s="275"/>
      <c r="AL184" s="276"/>
    </row>
    <row r="185" spans="1:38" s="76" customFormat="1" ht="13.5" customHeight="1" thickBot="1">
      <c r="A185" s="268"/>
      <c r="B185" s="269"/>
      <c r="C185" s="272"/>
      <c r="D185" s="281"/>
      <c r="E185" s="281"/>
      <c r="F185" s="281"/>
      <c r="G185" s="281"/>
      <c r="H185" s="281"/>
      <c r="I185" s="281"/>
      <c r="J185" s="281"/>
      <c r="K185" s="281"/>
      <c r="L185" s="281"/>
      <c r="M185" s="281"/>
      <c r="N185" s="281"/>
      <c r="O185" s="281"/>
      <c r="P185" s="281"/>
      <c r="Q185" s="281"/>
      <c r="R185" s="281"/>
      <c r="S185" s="281"/>
      <c r="T185" s="281"/>
      <c r="U185" s="281"/>
      <c r="V185" s="281"/>
      <c r="W185" s="281"/>
      <c r="X185" s="281"/>
      <c r="Y185" s="281"/>
      <c r="Z185" s="281"/>
      <c r="AA185" s="281"/>
      <c r="AB185" s="281"/>
      <c r="AC185" s="281"/>
      <c r="AD185" s="281"/>
      <c r="AE185" s="281"/>
      <c r="AF185" s="281"/>
      <c r="AG185" s="281"/>
      <c r="AH185" s="281"/>
      <c r="AI185" s="281"/>
      <c r="AJ185" s="281"/>
      <c r="AK185" s="282"/>
      <c r="AL185" s="283"/>
    </row>
    <row r="186" spans="1:38" s="76" customFormat="1" ht="13.5" customHeight="1" thickTop="1">
      <c r="A186" s="125"/>
      <c r="B186" s="125"/>
      <c r="C186" s="272"/>
      <c r="D186" s="281"/>
      <c r="E186" s="281"/>
      <c r="F186" s="281"/>
      <c r="G186" s="281"/>
      <c r="H186" s="281"/>
      <c r="I186" s="281"/>
      <c r="J186" s="281"/>
      <c r="K186" s="281"/>
      <c r="L186" s="281"/>
      <c r="M186" s="281"/>
      <c r="N186" s="281"/>
      <c r="O186" s="281"/>
      <c r="P186" s="281"/>
      <c r="Q186" s="281"/>
      <c r="R186" s="281"/>
      <c r="S186" s="281"/>
      <c r="T186" s="281"/>
      <c r="U186" s="281"/>
      <c r="V186" s="281"/>
      <c r="W186" s="281"/>
      <c r="X186" s="281"/>
      <c r="Y186" s="281"/>
      <c r="Z186" s="281"/>
      <c r="AA186" s="281"/>
      <c r="AB186" s="281"/>
      <c r="AC186" s="281"/>
      <c r="AD186" s="281"/>
      <c r="AE186" s="281"/>
      <c r="AF186" s="281"/>
      <c r="AG186" s="281"/>
      <c r="AH186" s="281"/>
      <c r="AI186" s="281"/>
      <c r="AJ186" s="281"/>
      <c r="AK186" s="146"/>
      <c r="AL186" s="147"/>
    </row>
    <row r="187" spans="1:38" s="76" customFormat="1" ht="13.5" customHeight="1">
      <c r="A187" s="125"/>
      <c r="B187" s="125"/>
      <c r="C187" s="273"/>
      <c r="D187" s="274"/>
      <c r="E187" s="274"/>
      <c r="F187" s="274"/>
      <c r="G187" s="274"/>
      <c r="H187" s="274"/>
      <c r="I187" s="274"/>
      <c r="J187" s="274"/>
      <c r="K187" s="274"/>
      <c r="L187" s="274"/>
      <c r="M187" s="274"/>
      <c r="N187" s="274"/>
      <c r="O187" s="274"/>
      <c r="P187" s="274"/>
      <c r="Q187" s="274"/>
      <c r="R187" s="274"/>
      <c r="S187" s="274"/>
      <c r="T187" s="274"/>
      <c r="U187" s="274"/>
      <c r="V187" s="274"/>
      <c r="W187" s="274"/>
      <c r="X187" s="274"/>
      <c r="Y187" s="274"/>
      <c r="Z187" s="274"/>
      <c r="AA187" s="274"/>
      <c r="AB187" s="274"/>
      <c r="AC187" s="274"/>
      <c r="AD187" s="274"/>
      <c r="AE187" s="274"/>
      <c r="AF187" s="274"/>
      <c r="AG187" s="274"/>
      <c r="AH187" s="274"/>
      <c r="AI187" s="274"/>
      <c r="AJ187" s="274"/>
      <c r="AK187" s="150"/>
      <c r="AL187" s="142"/>
    </row>
    <row r="188" spans="1:38" s="76" customFormat="1" ht="13.5" customHeight="1" thickBot="1">
      <c r="C188" s="126"/>
      <c r="D188" s="126"/>
      <c r="E188" s="126"/>
      <c r="F188" s="126"/>
      <c r="G188" s="126"/>
      <c r="H188" s="126"/>
      <c r="I188" s="126"/>
      <c r="J188" s="126"/>
      <c r="K188" s="126"/>
      <c r="L188" s="126"/>
      <c r="M188" s="126"/>
      <c r="N188" s="126"/>
      <c r="O188" s="126"/>
      <c r="P188" s="126"/>
      <c r="Q188" s="126"/>
      <c r="R188" s="126"/>
      <c r="S188" s="126"/>
      <c r="T188" s="149"/>
      <c r="U188" s="149"/>
      <c r="V188" s="149"/>
      <c r="W188" s="149"/>
      <c r="X188" s="149"/>
      <c r="Y188" s="149"/>
      <c r="Z188" s="126"/>
      <c r="AA188" s="126"/>
      <c r="AB188" s="126"/>
      <c r="AC188" s="126"/>
      <c r="AD188" s="126"/>
      <c r="AE188" s="126"/>
      <c r="AF188" s="126"/>
      <c r="AG188" s="126"/>
      <c r="AH188" s="126"/>
      <c r="AI188" s="126"/>
      <c r="AJ188" s="126"/>
    </row>
    <row r="189" spans="1:38" s="76" customFormat="1" ht="13.5" customHeight="1" thickTop="1">
      <c r="A189" s="266">
        <v>17</v>
      </c>
      <c r="B189" s="267"/>
      <c r="C189" s="270" t="s">
        <v>494</v>
      </c>
      <c r="D189" s="271"/>
      <c r="E189" s="271"/>
      <c r="F189" s="271"/>
      <c r="G189" s="271"/>
      <c r="H189" s="271"/>
      <c r="I189" s="271"/>
      <c r="J189" s="271"/>
      <c r="K189" s="271"/>
      <c r="L189" s="271"/>
      <c r="M189" s="271"/>
      <c r="N189" s="271"/>
      <c r="O189" s="271"/>
      <c r="P189" s="271"/>
      <c r="Q189" s="271"/>
      <c r="R189" s="271"/>
      <c r="S189" s="271"/>
      <c r="T189" s="271"/>
      <c r="U189" s="271"/>
      <c r="V189" s="271"/>
      <c r="W189" s="271"/>
      <c r="X189" s="271"/>
      <c r="Y189" s="271"/>
      <c r="Z189" s="271"/>
      <c r="AA189" s="271"/>
      <c r="AB189" s="271"/>
      <c r="AC189" s="271"/>
      <c r="AD189" s="271"/>
      <c r="AE189" s="271"/>
      <c r="AF189" s="271"/>
      <c r="AG189" s="271"/>
      <c r="AH189" s="271"/>
      <c r="AI189" s="271"/>
      <c r="AJ189" s="271"/>
      <c r="AK189" s="275"/>
      <c r="AL189" s="276"/>
    </row>
    <row r="190" spans="1:38" s="76" customFormat="1" ht="13.5" customHeight="1" thickBot="1">
      <c r="A190" s="268"/>
      <c r="B190" s="269"/>
      <c r="C190" s="273"/>
      <c r="D190" s="274"/>
      <c r="E190" s="274"/>
      <c r="F190" s="274"/>
      <c r="G190" s="274"/>
      <c r="H190" s="274"/>
      <c r="I190" s="274"/>
      <c r="J190" s="274"/>
      <c r="K190" s="274"/>
      <c r="L190" s="274"/>
      <c r="M190" s="274"/>
      <c r="N190" s="274"/>
      <c r="O190" s="274"/>
      <c r="P190" s="274"/>
      <c r="Q190" s="274"/>
      <c r="R190" s="274"/>
      <c r="S190" s="274"/>
      <c r="T190" s="274"/>
      <c r="U190" s="274"/>
      <c r="V190" s="274"/>
      <c r="W190" s="274"/>
      <c r="X190" s="274"/>
      <c r="Y190" s="274"/>
      <c r="Z190" s="274"/>
      <c r="AA190" s="274"/>
      <c r="AB190" s="274"/>
      <c r="AC190" s="274"/>
      <c r="AD190" s="274"/>
      <c r="AE190" s="274"/>
      <c r="AF190" s="274"/>
      <c r="AG190" s="274"/>
      <c r="AH190" s="274"/>
      <c r="AI190" s="274"/>
      <c r="AJ190" s="274"/>
      <c r="AK190" s="282"/>
      <c r="AL190" s="283"/>
    </row>
    <row r="191" spans="1:38" s="76" customFormat="1" ht="13.5" customHeight="1" thickTop="1" thickBot="1">
      <c r="C191" s="126"/>
      <c r="D191" s="126"/>
      <c r="E191" s="126"/>
      <c r="F191" s="126"/>
      <c r="G191" s="126"/>
      <c r="H191" s="126"/>
      <c r="I191" s="126"/>
      <c r="J191" s="126"/>
      <c r="K191" s="126"/>
      <c r="L191" s="126"/>
      <c r="M191" s="126"/>
      <c r="N191" s="126"/>
      <c r="O191" s="126"/>
      <c r="P191" s="126"/>
      <c r="Q191" s="126"/>
      <c r="R191" s="126"/>
      <c r="S191" s="126"/>
      <c r="T191" s="149"/>
      <c r="U191" s="149"/>
      <c r="V191" s="149"/>
      <c r="W191" s="149"/>
      <c r="X191" s="149"/>
      <c r="Y191" s="149"/>
      <c r="Z191" s="126"/>
      <c r="AA191" s="126"/>
      <c r="AB191" s="126"/>
      <c r="AC191" s="126"/>
      <c r="AD191" s="126"/>
      <c r="AE191" s="126"/>
      <c r="AF191" s="126"/>
      <c r="AG191" s="126"/>
      <c r="AH191" s="126"/>
      <c r="AI191" s="126"/>
      <c r="AJ191" s="126"/>
    </row>
    <row r="192" spans="1:38" s="76" customFormat="1" ht="13.5" customHeight="1" thickTop="1">
      <c r="C192" s="285" t="s">
        <v>183</v>
      </c>
      <c r="D192" s="286"/>
      <c r="E192" s="286"/>
      <c r="F192" s="286"/>
      <c r="G192" s="286"/>
      <c r="H192" s="286"/>
      <c r="I192" s="286"/>
      <c r="J192" s="286"/>
      <c r="K192" s="286"/>
      <c r="L192" s="286"/>
      <c r="M192" s="286"/>
      <c r="N192" s="286"/>
      <c r="O192" s="286"/>
      <c r="P192" s="286"/>
      <c r="Q192" s="286"/>
      <c r="R192" s="286"/>
      <c r="S192" s="286"/>
      <c r="T192" s="286"/>
      <c r="U192" s="286"/>
      <c r="V192" s="286"/>
      <c r="W192" s="286"/>
      <c r="X192" s="286"/>
      <c r="Y192" s="286"/>
      <c r="Z192" s="286"/>
      <c r="AA192" s="286"/>
      <c r="AB192" s="286"/>
      <c r="AC192" s="286"/>
      <c r="AD192" s="286"/>
      <c r="AE192" s="286"/>
      <c r="AF192" s="286"/>
      <c r="AG192" s="286"/>
      <c r="AH192" s="286"/>
      <c r="AI192" s="286"/>
      <c r="AJ192" s="286"/>
      <c r="AK192" s="275"/>
      <c r="AL192" s="276"/>
    </row>
    <row r="193" spans="3:38" s="76" customFormat="1" ht="13.5" customHeight="1" thickBot="1">
      <c r="C193" s="309"/>
      <c r="D193" s="251"/>
      <c r="E193" s="251"/>
      <c r="F193" s="251"/>
      <c r="G193" s="251"/>
      <c r="H193" s="251"/>
      <c r="I193" s="251"/>
      <c r="J193" s="251"/>
      <c r="K193" s="251"/>
      <c r="L193" s="251"/>
      <c r="M193" s="251"/>
      <c r="N193" s="251"/>
      <c r="O193" s="251"/>
      <c r="P193" s="251"/>
      <c r="Q193" s="251"/>
      <c r="R193" s="251"/>
      <c r="S193" s="251"/>
      <c r="T193" s="251"/>
      <c r="U193" s="251"/>
      <c r="V193" s="251"/>
      <c r="W193" s="251"/>
      <c r="X193" s="251"/>
      <c r="Y193" s="251"/>
      <c r="Z193" s="251"/>
      <c r="AA193" s="251"/>
      <c r="AB193" s="251"/>
      <c r="AC193" s="251"/>
      <c r="AD193" s="251"/>
      <c r="AE193" s="251"/>
      <c r="AF193" s="251"/>
      <c r="AG193" s="251"/>
      <c r="AH193" s="251"/>
      <c r="AI193" s="251"/>
      <c r="AJ193" s="251"/>
      <c r="AK193" s="282"/>
      <c r="AL193" s="283"/>
    </row>
    <row r="194" spans="3:38" s="76" customFormat="1" ht="13.5" customHeight="1" thickTop="1">
      <c r="C194" s="288"/>
      <c r="D194" s="289"/>
      <c r="E194" s="289"/>
      <c r="F194" s="289"/>
      <c r="G194" s="289"/>
      <c r="H194" s="289"/>
      <c r="I194" s="289"/>
      <c r="J194" s="289"/>
      <c r="K194" s="289"/>
      <c r="L194" s="289"/>
      <c r="M194" s="289"/>
      <c r="N194" s="289"/>
      <c r="O194" s="289"/>
      <c r="P194" s="289"/>
      <c r="Q194" s="289"/>
      <c r="R194" s="289"/>
      <c r="S194" s="289"/>
      <c r="T194" s="289"/>
      <c r="U194" s="289"/>
      <c r="V194" s="289"/>
      <c r="W194" s="289"/>
      <c r="X194" s="289"/>
      <c r="Y194" s="289"/>
      <c r="Z194" s="289"/>
      <c r="AA194" s="289"/>
      <c r="AB194" s="289"/>
      <c r="AC194" s="289"/>
      <c r="AD194" s="289"/>
      <c r="AE194" s="289"/>
      <c r="AF194" s="289"/>
      <c r="AG194" s="289"/>
      <c r="AH194" s="289"/>
      <c r="AI194" s="289"/>
      <c r="AJ194" s="290"/>
      <c r="AK194" s="212"/>
    </row>
    <row r="195" spans="3:38" s="76" customFormat="1" ht="13.5" customHeight="1" thickBot="1">
      <c r="C195" s="139"/>
      <c r="D195" s="139"/>
      <c r="E195" s="139"/>
      <c r="F195" s="139"/>
      <c r="G195" s="139"/>
      <c r="H195" s="139"/>
      <c r="I195" s="139"/>
      <c r="J195" s="139"/>
      <c r="K195" s="139"/>
      <c r="L195" s="139"/>
      <c r="M195" s="139"/>
      <c r="N195" s="139"/>
      <c r="O195" s="139"/>
      <c r="P195" s="139"/>
      <c r="Q195" s="139"/>
      <c r="R195" s="139"/>
      <c r="S195" s="139"/>
      <c r="T195" s="139"/>
      <c r="U195" s="139"/>
      <c r="V195" s="139"/>
      <c r="W195" s="139"/>
      <c r="X195" s="139"/>
      <c r="Y195" s="139"/>
      <c r="Z195" s="139"/>
      <c r="AA195" s="139"/>
      <c r="AB195" s="139"/>
      <c r="AC195" s="139"/>
      <c r="AD195" s="139"/>
      <c r="AE195" s="139"/>
      <c r="AF195" s="139"/>
      <c r="AG195" s="139"/>
      <c r="AH195" s="139"/>
      <c r="AI195" s="139"/>
      <c r="AJ195" s="139"/>
      <c r="AK195" s="96"/>
    </row>
    <row r="196" spans="3:38" s="76" customFormat="1" ht="13.5" customHeight="1" thickTop="1">
      <c r="C196" s="285" t="s">
        <v>471</v>
      </c>
      <c r="D196" s="286"/>
      <c r="E196" s="286"/>
      <c r="F196" s="286"/>
      <c r="G196" s="286"/>
      <c r="H196" s="286"/>
      <c r="I196" s="286"/>
      <c r="J196" s="286"/>
      <c r="K196" s="286"/>
      <c r="L196" s="286"/>
      <c r="M196" s="286"/>
      <c r="N196" s="286"/>
      <c r="O196" s="286"/>
      <c r="P196" s="286"/>
      <c r="Q196" s="286"/>
      <c r="R196" s="286"/>
      <c r="S196" s="286"/>
      <c r="T196" s="286"/>
      <c r="U196" s="286"/>
      <c r="V196" s="286"/>
      <c r="W196" s="286"/>
      <c r="X196" s="286"/>
      <c r="Y196" s="286"/>
      <c r="Z196" s="286"/>
      <c r="AA196" s="286"/>
      <c r="AB196" s="286"/>
      <c r="AC196" s="286"/>
      <c r="AD196" s="286"/>
      <c r="AE196" s="286"/>
      <c r="AF196" s="286"/>
      <c r="AG196" s="286"/>
      <c r="AH196" s="286"/>
      <c r="AI196" s="286"/>
      <c r="AJ196" s="286"/>
      <c r="AK196" s="275"/>
      <c r="AL196" s="276"/>
    </row>
    <row r="197" spans="3:38" s="76" customFormat="1" ht="13.5" customHeight="1" thickBot="1">
      <c r="C197" s="309"/>
      <c r="D197" s="251"/>
      <c r="E197" s="251"/>
      <c r="F197" s="251"/>
      <c r="G197" s="251"/>
      <c r="H197" s="251"/>
      <c r="I197" s="251"/>
      <c r="J197" s="251"/>
      <c r="K197" s="251"/>
      <c r="L197" s="251"/>
      <c r="M197" s="251"/>
      <c r="N197" s="251"/>
      <c r="O197" s="251"/>
      <c r="P197" s="251"/>
      <c r="Q197" s="251"/>
      <c r="R197" s="251"/>
      <c r="S197" s="251"/>
      <c r="T197" s="251"/>
      <c r="U197" s="251"/>
      <c r="V197" s="251"/>
      <c r="W197" s="251"/>
      <c r="X197" s="251"/>
      <c r="Y197" s="251"/>
      <c r="Z197" s="251"/>
      <c r="AA197" s="251"/>
      <c r="AB197" s="251"/>
      <c r="AC197" s="251"/>
      <c r="AD197" s="251"/>
      <c r="AE197" s="251"/>
      <c r="AF197" s="251"/>
      <c r="AG197" s="251"/>
      <c r="AH197" s="251"/>
      <c r="AI197" s="251"/>
      <c r="AJ197" s="251"/>
      <c r="AK197" s="282"/>
      <c r="AL197" s="283"/>
    </row>
    <row r="198" spans="3:38" s="76" customFormat="1" ht="13.5" customHeight="1" thickTop="1">
      <c r="C198" s="288"/>
      <c r="D198" s="289"/>
      <c r="E198" s="289"/>
      <c r="F198" s="289"/>
      <c r="G198" s="289"/>
      <c r="H198" s="289"/>
      <c r="I198" s="289"/>
      <c r="J198" s="289"/>
      <c r="K198" s="289"/>
      <c r="L198" s="289"/>
      <c r="M198" s="289"/>
      <c r="N198" s="289"/>
      <c r="O198" s="289"/>
      <c r="P198" s="289"/>
      <c r="Q198" s="289"/>
      <c r="R198" s="289"/>
      <c r="S198" s="289"/>
      <c r="T198" s="289"/>
      <c r="U198" s="289"/>
      <c r="V198" s="289"/>
      <c r="W198" s="289"/>
      <c r="X198" s="289"/>
      <c r="Y198" s="289"/>
      <c r="Z198" s="289"/>
      <c r="AA198" s="289"/>
      <c r="AB198" s="289"/>
      <c r="AC198" s="289"/>
      <c r="AD198" s="289"/>
      <c r="AE198" s="289"/>
      <c r="AF198" s="289"/>
      <c r="AG198" s="289"/>
      <c r="AH198" s="289"/>
      <c r="AI198" s="289"/>
      <c r="AJ198" s="289"/>
      <c r="AK198" s="151"/>
    </row>
    <row r="199" spans="3:38" s="76" customFormat="1" ht="13.5" customHeight="1" thickBot="1">
      <c r="C199" s="126"/>
      <c r="D199" s="126"/>
      <c r="E199" s="126"/>
      <c r="F199" s="126"/>
      <c r="G199" s="126"/>
      <c r="H199" s="126"/>
      <c r="I199" s="126"/>
      <c r="J199" s="126"/>
      <c r="K199" s="126"/>
      <c r="L199" s="126"/>
      <c r="M199" s="126"/>
      <c r="N199" s="126"/>
      <c r="O199" s="126"/>
      <c r="P199" s="126"/>
      <c r="Q199" s="126"/>
      <c r="R199" s="126"/>
      <c r="S199" s="126"/>
      <c r="T199" s="149"/>
      <c r="U199" s="149"/>
      <c r="V199" s="149"/>
      <c r="W199" s="149"/>
      <c r="X199" s="149"/>
      <c r="Y199" s="149"/>
      <c r="Z199" s="126"/>
      <c r="AA199" s="126"/>
      <c r="AB199" s="126"/>
      <c r="AC199" s="126"/>
      <c r="AD199" s="126"/>
      <c r="AE199" s="126"/>
      <c r="AF199" s="126"/>
      <c r="AG199" s="126"/>
      <c r="AH199" s="126"/>
      <c r="AI199" s="126"/>
      <c r="AJ199" s="126"/>
      <c r="AK199" s="152"/>
    </row>
    <row r="200" spans="3:38" s="76" customFormat="1" ht="13.5" customHeight="1" thickTop="1">
      <c r="C200" s="285" t="s">
        <v>322</v>
      </c>
      <c r="D200" s="286"/>
      <c r="E200" s="286"/>
      <c r="F200" s="286"/>
      <c r="G200" s="286"/>
      <c r="H200" s="286"/>
      <c r="I200" s="286"/>
      <c r="J200" s="286"/>
      <c r="K200" s="286"/>
      <c r="L200" s="286"/>
      <c r="M200" s="286"/>
      <c r="N200" s="286"/>
      <c r="O200" s="286"/>
      <c r="P200" s="286"/>
      <c r="Q200" s="286"/>
      <c r="R200" s="286"/>
      <c r="S200" s="286"/>
      <c r="T200" s="286"/>
      <c r="U200" s="286"/>
      <c r="V200" s="286"/>
      <c r="W200" s="286"/>
      <c r="X200" s="286"/>
      <c r="Y200" s="286"/>
      <c r="Z200" s="286"/>
      <c r="AA200" s="286"/>
      <c r="AB200" s="286"/>
      <c r="AC200" s="286"/>
      <c r="AD200" s="286"/>
      <c r="AE200" s="286"/>
      <c r="AF200" s="286"/>
      <c r="AG200" s="286"/>
      <c r="AH200" s="286"/>
      <c r="AI200" s="286"/>
      <c r="AJ200" s="286"/>
      <c r="AK200" s="275"/>
      <c r="AL200" s="276"/>
    </row>
    <row r="201" spans="3:38" s="76" customFormat="1" ht="13.5" customHeight="1" thickBot="1">
      <c r="C201" s="309"/>
      <c r="D201" s="251"/>
      <c r="E201" s="251"/>
      <c r="F201" s="251"/>
      <c r="G201" s="251"/>
      <c r="H201" s="251"/>
      <c r="I201" s="251"/>
      <c r="J201" s="251"/>
      <c r="K201" s="251"/>
      <c r="L201" s="251"/>
      <c r="M201" s="251"/>
      <c r="N201" s="251"/>
      <c r="O201" s="251"/>
      <c r="P201" s="251"/>
      <c r="Q201" s="251"/>
      <c r="R201" s="251"/>
      <c r="S201" s="251"/>
      <c r="T201" s="251"/>
      <c r="U201" s="251"/>
      <c r="V201" s="251"/>
      <c r="W201" s="251"/>
      <c r="X201" s="251"/>
      <c r="Y201" s="251"/>
      <c r="Z201" s="251"/>
      <c r="AA201" s="251"/>
      <c r="AB201" s="251"/>
      <c r="AC201" s="251"/>
      <c r="AD201" s="251"/>
      <c r="AE201" s="251"/>
      <c r="AF201" s="251"/>
      <c r="AG201" s="251"/>
      <c r="AH201" s="251"/>
      <c r="AI201" s="251"/>
      <c r="AJ201" s="251"/>
      <c r="AK201" s="282"/>
      <c r="AL201" s="283"/>
    </row>
    <row r="202" spans="3:38" s="76" customFormat="1" ht="13.5" customHeight="1" thickTop="1">
      <c r="C202" s="309"/>
      <c r="D202" s="251"/>
      <c r="E202" s="251"/>
      <c r="F202" s="251"/>
      <c r="G202" s="251"/>
      <c r="H202" s="251"/>
      <c r="I202" s="251"/>
      <c r="J202" s="251"/>
      <c r="K202" s="251"/>
      <c r="L202" s="251"/>
      <c r="M202" s="251"/>
      <c r="N202" s="251"/>
      <c r="O202" s="251"/>
      <c r="P202" s="251"/>
      <c r="Q202" s="251"/>
      <c r="R202" s="251"/>
      <c r="S202" s="251"/>
      <c r="T202" s="251"/>
      <c r="U202" s="251"/>
      <c r="V202" s="251"/>
      <c r="W202" s="251"/>
      <c r="X202" s="251"/>
      <c r="Y202" s="251"/>
      <c r="Z202" s="251"/>
      <c r="AA202" s="251"/>
      <c r="AB202" s="251"/>
      <c r="AC202" s="251"/>
      <c r="AD202" s="251"/>
      <c r="AE202" s="251"/>
      <c r="AF202" s="251"/>
      <c r="AG202" s="251"/>
      <c r="AH202" s="251"/>
      <c r="AI202" s="251"/>
      <c r="AJ202" s="251"/>
      <c r="AK202" s="143"/>
      <c r="AL202" s="142"/>
    </row>
    <row r="203" spans="3:38" s="76" customFormat="1" ht="13.5" customHeight="1">
      <c r="C203" s="288"/>
      <c r="D203" s="289"/>
      <c r="E203" s="289"/>
      <c r="F203" s="289"/>
      <c r="G203" s="289"/>
      <c r="H203" s="289"/>
      <c r="I203" s="289"/>
      <c r="J203" s="289"/>
      <c r="K203" s="289"/>
      <c r="L203" s="289"/>
      <c r="M203" s="289"/>
      <c r="N203" s="289"/>
      <c r="O203" s="289"/>
      <c r="P203" s="289"/>
      <c r="Q203" s="289"/>
      <c r="R203" s="289"/>
      <c r="S203" s="289"/>
      <c r="T203" s="289"/>
      <c r="U203" s="289"/>
      <c r="V203" s="289"/>
      <c r="W203" s="289"/>
      <c r="X203" s="289"/>
      <c r="Y203" s="289"/>
      <c r="Z203" s="289"/>
      <c r="AA203" s="289"/>
      <c r="AB203" s="289"/>
      <c r="AC203" s="289"/>
      <c r="AD203" s="289"/>
      <c r="AE203" s="289"/>
      <c r="AF203" s="289"/>
      <c r="AG203" s="289"/>
      <c r="AH203" s="289"/>
      <c r="AI203" s="289"/>
      <c r="AJ203" s="289"/>
      <c r="AK203" s="153"/>
    </row>
    <row r="204" spans="3:38" s="76" customFormat="1" ht="13.5" customHeight="1" thickBot="1">
      <c r="C204" s="154"/>
      <c r="D204" s="139"/>
      <c r="E204" s="139"/>
      <c r="F204" s="139"/>
      <c r="G204" s="139"/>
      <c r="H204" s="139"/>
      <c r="I204" s="139"/>
      <c r="J204" s="139"/>
      <c r="K204" s="139"/>
      <c r="L204" s="139"/>
      <c r="M204" s="139"/>
      <c r="N204" s="139"/>
      <c r="O204" s="139"/>
      <c r="P204" s="139"/>
      <c r="Q204" s="139"/>
      <c r="R204" s="139"/>
      <c r="S204" s="139"/>
      <c r="T204" s="139"/>
      <c r="U204" s="139"/>
      <c r="V204" s="139"/>
      <c r="W204" s="139"/>
      <c r="X204" s="139"/>
      <c r="Y204" s="139"/>
      <c r="Z204" s="139"/>
      <c r="AA204" s="139"/>
      <c r="AB204" s="139"/>
      <c r="AC204" s="139"/>
      <c r="AD204" s="139"/>
      <c r="AE204" s="139"/>
      <c r="AF204" s="139"/>
      <c r="AG204" s="139"/>
      <c r="AH204" s="139"/>
      <c r="AI204" s="139"/>
      <c r="AJ204" s="139"/>
      <c r="AK204" s="96"/>
    </row>
    <row r="205" spans="3:38" s="76" customFormat="1" ht="13.5" customHeight="1" thickTop="1">
      <c r="C205" s="285" t="s">
        <v>184</v>
      </c>
      <c r="D205" s="286"/>
      <c r="E205" s="286"/>
      <c r="F205" s="286"/>
      <c r="G205" s="286"/>
      <c r="H205" s="286"/>
      <c r="I205" s="286"/>
      <c r="J205" s="286"/>
      <c r="K205" s="286"/>
      <c r="L205" s="286"/>
      <c r="M205" s="286"/>
      <c r="N205" s="286"/>
      <c r="O205" s="286"/>
      <c r="P205" s="286"/>
      <c r="Q205" s="286"/>
      <c r="R205" s="286"/>
      <c r="S205" s="286"/>
      <c r="T205" s="286"/>
      <c r="U205" s="286"/>
      <c r="V205" s="286"/>
      <c r="W205" s="286"/>
      <c r="X205" s="286"/>
      <c r="Y205" s="286"/>
      <c r="Z205" s="286"/>
      <c r="AA205" s="286"/>
      <c r="AB205" s="286"/>
      <c r="AC205" s="286"/>
      <c r="AD205" s="286"/>
      <c r="AE205" s="286"/>
      <c r="AF205" s="286"/>
      <c r="AG205" s="286"/>
      <c r="AH205" s="286"/>
      <c r="AI205" s="286"/>
      <c r="AJ205" s="419"/>
      <c r="AK205" s="275"/>
      <c r="AL205" s="276"/>
    </row>
    <row r="206" spans="3:38" s="76" customFormat="1" ht="13.5" customHeight="1" thickBot="1">
      <c r="C206" s="288"/>
      <c r="D206" s="289"/>
      <c r="E206" s="289"/>
      <c r="F206" s="289"/>
      <c r="G206" s="289"/>
      <c r="H206" s="289"/>
      <c r="I206" s="289"/>
      <c r="J206" s="289"/>
      <c r="K206" s="289"/>
      <c r="L206" s="289"/>
      <c r="M206" s="289"/>
      <c r="N206" s="289"/>
      <c r="O206" s="289"/>
      <c r="P206" s="289"/>
      <c r="Q206" s="289"/>
      <c r="R206" s="289"/>
      <c r="S206" s="289"/>
      <c r="T206" s="289"/>
      <c r="U206" s="289"/>
      <c r="V206" s="289"/>
      <c r="W206" s="289"/>
      <c r="X206" s="289"/>
      <c r="Y206" s="289"/>
      <c r="Z206" s="289"/>
      <c r="AA206" s="289"/>
      <c r="AB206" s="289"/>
      <c r="AC206" s="289"/>
      <c r="AD206" s="289"/>
      <c r="AE206" s="289"/>
      <c r="AF206" s="289"/>
      <c r="AG206" s="289"/>
      <c r="AH206" s="289"/>
      <c r="AI206" s="289"/>
      <c r="AJ206" s="420"/>
      <c r="AK206" s="282"/>
      <c r="AL206" s="283"/>
    </row>
    <row r="207" spans="3:38" s="76" customFormat="1" ht="13.5" customHeight="1" thickTop="1">
      <c r="C207" s="126"/>
      <c r="D207" s="126"/>
      <c r="E207" s="126"/>
      <c r="F207" s="126"/>
      <c r="G207" s="126"/>
      <c r="H207" s="126"/>
      <c r="I207" s="126"/>
      <c r="J207" s="126"/>
      <c r="K207" s="126"/>
      <c r="L207" s="126"/>
      <c r="M207" s="126"/>
      <c r="N207" s="126"/>
      <c r="O207" s="126"/>
      <c r="P207" s="126"/>
      <c r="Q207" s="126"/>
      <c r="R207" s="126"/>
      <c r="S207" s="126"/>
      <c r="T207" s="149"/>
      <c r="U207" s="149"/>
      <c r="V207" s="149"/>
      <c r="W207" s="149"/>
      <c r="X207" s="149"/>
      <c r="Y207" s="149"/>
      <c r="Z207" s="126"/>
      <c r="AA207" s="126"/>
      <c r="AB207" s="126"/>
      <c r="AC207" s="126"/>
      <c r="AD207" s="126"/>
      <c r="AE207" s="126"/>
      <c r="AF207" s="126"/>
      <c r="AG207" s="126"/>
      <c r="AH207" s="126"/>
      <c r="AI207" s="126"/>
      <c r="AJ207" s="126"/>
    </row>
    <row r="208" spans="3:38" s="76" customFormat="1" ht="13.5" customHeight="1" thickBot="1">
      <c r="C208" s="133" t="s">
        <v>59</v>
      </c>
      <c r="D208" s="126" t="s">
        <v>60</v>
      </c>
      <c r="E208" s="133"/>
      <c r="F208" s="133"/>
      <c r="G208" s="133"/>
      <c r="H208" s="133"/>
      <c r="I208" s="133"/>
      <c r="J208" s="133"/>
      <c r="K208" s="126"/>
      <c r="L208" s="126"/>
      <c r="M208" s="126"/>
      <c r="N208" s="126"/>
      <c r="O208" s="126"/>
      <c r="P208" s="126"/>
      <c r="Q208" s="126"/>
      <c r="R208" s="126"/>
      <c r="S208" s="126"/>
      <c r="T208" s="126"/>
      <c r="U208" s="126"/>
      <c r="V208" s="126"/>
      <c r="W208" s="126"/>
      <c r="X208" s="126"/>
      <c r="Y208" s="126"/>
      <c r="Z208" s="126"/>
      <c r="AA208" s="126"/>
      <c r="AB208" s="126"/>
      <c r="AC208" s="126"/>
      <c r="AD208" s="126"/>
      <c r="AE208" s="126"/>
      <c r="AF208" s="126"/>
      <c r="AG208" s="126"/>
      <c r="AH208" s="126"/>
      <c r="AI208" s="126"/>
      <c r="AJ208" s="126"/>
      <c r="AK208" s="126"/>
      <c r="AL208" s="126"/>
    </row>
    <row r="209" spans="1:38" s="76" customFormat="1" ht="13.5" customHeight="1" thickTop="1">
      <c r="A209" s="266">
        <v>18</v>
      </c>
      <c r="B209" s="267"/>
      <c r="C209" s="270" t="s">
        <v>495</v>
      </c>
      <c r="D209" s="271"/>
      <c r="E209" s="271"/>
      <c r="F209" s="271"/>
      <c r="G209" s="271"/>
      <c r="H209" s="271"/>
      <c r="I209" s="271"/>
      <c r="J209" s="271"/>
      <c r="K209" s="271"/>
      <c r="L209" s="271"/>
      <c r="M209" s="271"/>
      <c r="N209" s="271"/>
      <c r="O209" s="271"/>
      <c r="P209" s="271"/>
      <c r="Q209" s="271"/>
      <c r="R209" s="271"/>
      <c r="S209" s="271"/>
      <c r="T209" s="271"/>
      <c r="U209" s="271"/>
      <c r="V209" s="271"/>
      <c r="W209" s="271"/>
      <c r="X209" s="271"/>
      <c r="Y209" s="271"/>
      <c r="Z209" s="271"/>
      <c r="AA209" s="271"/>
      <c r="AB209" s="271"/>
      <c r="AC209" s="271"/>
      <c r="AD209" s="271"/>
      <c r="AE209" s="271"/>
      <c r="AF209" s="271"/>
      <c r="AG209" s="271"/>
      <c r="AH209" s="271"/>
      <c r="AI209" s="271"/>
      <c r="AJ209" s="279"/>
      <c r="AK209" s="275"/>
      <c r="AL209" s="276"/>
    </row>
    <row r="210" spans="1:38" s="76" customFormat="1" ht="13.5" customHeight="1" thickBot="1">
      <c r="A210" s="268"/>
      <c r="B210" s="269"/>
      <c r="C210" s="272"/>
      <c r="D210" s="281"/>
      <c r="E210" s="281"/>
      <c r="F210" s="281"/>
      <c r="G210" s="281"/>
      <c r="H210" s="281"/>
      <c r="I210" s="281"/>
      <c r="J210" s="281"/>
      <c r="K210" s="281"/>
      <c r="L210" s="281"/>
      <c r="M210" s="281"/>
      <c r="N210" s="281"/>
      <c r="O210" s="281"/>
      <c r="P210" s="281"/>
      <c r="Q210" s="281"/>
      <c r="R210" s="281"/>
      <c r="S210" s="281"/>
      <c r="T210" s="281"/>
      <c r="U210" s="281"/>
      <c r="V210" s="281"/>
      <c r="W210" s="281"/>
      <c r="X210" s="281"/>
      <c r="Y210" s="281"/>
      <c r="Z210" s="281"/>
      <c r="AA210" s="281"/>
      <c r="AB210" s="281"/>
      <c r="AC210" s="281"/>
      <c r="AD210" s="281"/>
      <c r="AE210" s="281"/>
      <c r="AF210" s="281"/>
      <c r="AG210" s="281"/>
      <c r="AH210" s="281"/>
      <c r="AI210" s="281"/>
      <c r="AJ210" s="312"/>
      <c r="AK210" s="277"/>
      <c r="AL210" s="278"/>
    </row>
    <row r="211" spans="1:38" s="76" customFormat="1" ht="13.5" customHeight="1" thickTop="1">
      <c r="C211" s="273"/>
      <c r="D211" s="274"/>
      <c r="E211" s="274"/>
      <c r="F211" s="274"/>
      <c r="G211" s="274"/>
      <c r="H211" s="274"/>
      <c r="I211" s="274"/>
      <c r="J211" s="274"/>
      <c r="K211" s="274"/>
      <c r="L211" s="274"/>
      <c r="M211" s="274"/>
      <c r="N211" s="274"/>
      <c r="O211" s="274"/>
      <c r="P211" s="274"/>
      <c r="Q211" s="274"/>
      <c r="R211" s="274"/>
      <c r="S211" s="274"/>
      <c r="T211" s="274"/>
      <c r="U211" s="274"/>
      <c r="V211" s="274"/>
      <c r="W211" s="274"/>
      <c r="X211" s="274"/>
      <c r="Y211" s="274"/>
      <c r="Z211" s="274"/>
      <c r="AA211" s="274"/>
      <c r="AB211" s="274"/>
      <c r="AC211" s="274"/>
      <c r="AD211" s="274"/>
      <c r="AE211" s="274"/>
      <c r="AF211" s="274"/>
      <c r="AG211" s="274"/>
      <c r="AH211" s="274"/>
      <c r="AI211" s="274"/>
      <c r="AJ211" s="274"/>
      <c r="AK211" s="134"/>
    </row>
    <row r="212" spans="1:38" s="76" customFormat="1" ht="13.5" customHeight="1">
      <c r="C212" s="133"/>
      <c r="D212" s="133"/>
      <c r="E212" s="133"/>
      <c r="F212" s="133"/>
      <c r="G212" s="133"/>
      <c r="H212" s="133"/>
      <c r="I212" s="133"/>
      <c r="J212" s="133"/>
      <c r="K212" s="133"/>
      <c r="L212" s="133"/>
      <c r="M212" s="133"/>
      <c r="N212" s="133"/>
      <c r="O212" s="133"/>
      <c r="P212" s="133"/>
      <c r="Q212" s="133"/>
      <c r="R212" s="133"/>
      <c r="S212" s="133"/>
      <c r="T212" s="133"/>
      <c r="U212" s="133"/>
      <c r="V212" s="133"/>
      <c r="W212" s="133"/>
      <c r="X212" s="133"/>
      <c r="Y212" s="133"/>
      <c r="Z212" s="133"/>
      <c r="AA212" s="133"/>
      <c r="AB212" s="133"/>
      <c r="AC212" s="133"/>
      <c r="AD212" s="133"/>
      <c r="AE212" s="133"/>
      <c r="AF212" s="133"/>
      <c r="AG212" s="133"/>
      <c r="AH212" s="133"/>
      <c r="AI212" s="133"/>
      <c r="AJ212" s="133"/>
      <c r="AK212" s="96"/>
    </row>
    <row r="213" spans="1:38" s="76" customFormat="1" ht="13.5" customHeight="1">
      <c r="C213" s="285" t="s">
        <v>61</v>
      </c>
      <c r="D213" s="286"/>
      <c r="E213" s="286"/>
      <c r="F213" s="286"/>
      <c r="G213" s="286"/>
      <c r="H213" s="286"/>
      <c r="I213" s="286"/>
      <c r="J213" s="286"/>
      <c r="K213" s="286"/>
      <c r="L213" s="286"/>
      <c r="M213" s="286"/>
      <c r="N213" s="286"/>
      <c r="O213" s="286"/>
      <c r="P213" s="286"/>
      <c r="Q213" s="286"/>
      <c r="R213" s="286"/>
      <c r="S213" s="286"/>
      <c r="T213" s="286"/>
      <c r="U213" s="286"/>
      <c r="V213" s="286"/>
      <c r="W213" s="286"/>
      <c r="X213" s="286"/>
      <c r="Y213" s="286"/>
      <c r="Z213" s="286"/>
      <c r="AA213" s="286"/>
      <c r="AB213" s="286"/>
      <c r="AC213" s="286"/>
      <c r="AD213" s="286"/>
      <c r="AE213" s="286"/>
      <c r="AF213" s="286"/>
      <c r="AG213" s="286"/>
      <c r="AH213" s="286"/>
      <c r="AI213" s="286"/>
      <c r="AJ213" s="287"/>
      <c r="AK213" s="96"/>
    </row>
    <row r="214" spans="1:38" s="76" customFormat="1" ht="13.5" customHeight="1">
      <c r="C214" s="309"/>
      <c r="D214" s="251"/>
      <c r="E214" s="251"/>
      <c r="F214" s="251"/>
      <c r="G214" s="251"/>
      <c r="H214" s="251"/>
      <c r="I214" s="251"/>
      <c r="J214" s="251"/>
      <c r="K214" s="251"/>
      <c r="L214" s="251"/>
      <c r="M214" s="251"/>
      <c r="N214" s="251"/>
      <c r="O214" s="251"/>
      <c r="P214" s="251"/>
      <c r="Q214" s="251"/>
      <c r="R214" s="251"/>
      <c r="S214" s="251"/>
      <c r="T214" s="251"/>
      <c r="U214" s="251"/>
      <c r="V214" s="251"/>
      <c r="W214" s="251"/>
      <c r="X214" s="251"/>
      <c r="Y214" s="251"/>
      <c r="Z214" s="251"/>
      <c r="AA214" s="251"/>
      <c r="AB214" s="251"/>
      <c r="AC214" s="251"/>
      <c r="AD214" s="251"/>
      <c r="AE214" s="251"/>
      <c r="AF214" s="251"/>
      <c r="AG214" s="251"/>
      <c r="AH214" s="251"/>
      <c r="AI214" s="251"/>
      <c r="AJ214" s="310"/>
      <c r="AK214" s="96"/>
    </row>
    <row r="215" spans="1:38" s="76" customFormat="1" ht="13.5" customHeight="1">
      <c r="C215" s="288"/>
      <c r="D215" s="289"/>
      <c r="E215" s="289"/>
      <c r="F215" s="289"/>
      <c r="G215" s="289"/>
      <c r="H215" s="289"/>
      <c r="I215" s="289"/>
      <c r="J215" s="289"/>
      <c r="K215" s="289"/>
      <c r="L215" s="289"/>
      <c r="M215" s="289"/>
      <c r="N215" s="289"/>
      <c r="O215" s="289"/>
      <c r="P215" s="289"/>
      <c r="Q215" s="289"/>
      <c r="R215" s="289"/>
      <c r="S215" s="289"/>
      <c r="T215" s="289"/>
      <c r="U215" s="289"/>
      <c r="V215" s="289"/>
      <c r="W215" s="289"/>
      <c r="X215" s="289"/>
      <c r="Y215" s="289"/>
      <c r="Z215" s="289"/>
      <c r="AA215" s="289"/>
      <c r="AB215" s="289"/>
      <c r="AC215" s="289"/>
      <c r="AD215" s="289"/>
      <c r="AE215" s="289"/>
      <c r="AF215" s="289"/>
      <c r="AG215" s="289"/>
      <c r="AH215" s="289"/>
      <c r="AI215" s="289"/>
      <c r="AJ215" s="290"/>
      <c r="AK215" s="96"/>
    </row>
    <row r="216" spans="1:38" s="76" customFormat="1" ht="13.5" customHeight="1">
      <c r="C216" s="139"/>
      <c r="D216" s="139"/>
      <c r="E216" s="139"/>
      <c r="F216" s="139"/>
      <c r="G216" s="139"/>
      <c r="H216" s="139"/>
      <c r="I216" s="139"/>
      <c r="J216" s="139"/>
      <c r="K216" s="139"/>
      <c r="L216" s="139"/>
      <c r="M216" s="139"/>
      <c r="N216" s="139"/>
      <c r="O216" s="139"/>
      <c r="P216" s="139"/>
      <c r="Q216" s="139"/>
      <c r="R216" s="139"/>
      <c r="S216" s="139"/>
      <c r="T216" s="139"/>
      <c r="U216" s="139"/>
      <c r="V216" s="139"/>
      <c r="W216" s="139"/>
      <c r="X216" s="139"/>
      <c r="Y216" s="139"/>
      <c r="Z216" s="139"/>
      <c r="AA216" s="139"/>
      <c r="AB216" s="139"/>
      <c r="AC216" s="139"/>
      <c r="AD216" s="139"/>
      <c r="AE216" s="139"/>
      <c r="AF216" s="139"/>
      <c r="AG216" s="139"/>
      <c r="AH216" s="139"/>
      <c r="AI216" s="139"/>
      <c r="AJ216" s="139"/>
      <c r="AK216" s="96"/>
    </row>
    <row r="217" spans="1:38" s="76" customFormat="1" ht="13.5" customHeight="1">
      <c r="A217" s="125"/>
      <c r="B217" s="125"/>
      <c r="C217" s="438" t="s">
        <v>675</v>
      </c>
      <c r="D217" s="438"/>
      <c r="E217" s="438"/>
      <c r="F217" s="438"/>
      <c r="G217" s="438"/>
      <c r="H217" s="438"/>
      <c r="I217" s="438"/>
      <c r="J217" s="438"/>
      <c r="K217" s="438"/>
      <c r="L217" s="438"/>
      <c r="M217" s="438"/>
      <c r="N217" s="438"/>
      <c r="O217" s="438"/>
      <c r="P217" s="438"/>
      <c r="Q217" s="438"/>
      <c r="R217" s="438"/>
      <c r="S217" s="438"/>
      <c r="T217" s="438"/>
      <c r="U217" s="438"/>
      <c r="V217" s="438"/>
      <c r="W217" s="438"/>
      <c r="X217" s="438"/>
      <c r="Y217" s="438"/>
      <c r="Z217" s="438"/>
      <c r="AA217" s="438"/>
      <c r="AB217" s="438"/>
      <c r="AC217" s="438"/>
      <c r="AD217" s="438"/>
      <c r="AE217" s="438"/>
      <c r="AF217" s="438"/>
      <c r="AG217" s="438"/>
      <c r="AH217" s="438"/>
      <c r="AI217" s="133"/>
      <c r="AJ217" s="133"/>
      <c r="AK217" s="96"/>
    </row>
    <row r="218" spans="1:38" s="76" customFormat="1" ht="13.5" customHeight="1">
      <c r="A218" s="125"/>
      <c r="B218" s="125"/>
      <c r="C218" s="438"/>
      <c r="D218" s="438"/>
      <c r="E218" s="438"/>
      <c r="F218" s="438"/>
      <c r="G218" s="438"/>
      <c r="H218" s="438"/>
      <c r="I218" s="438"/>
      <c r="J218" s="438"/>
      <c r="K218" s="438"/>
      <c r="L218" s="438"/>
      <c r="M218" s="438"/>
      <c r="N218" s="438"/>
      <c r="O218" s="438"/>
      <c r="P218" s="438"/>
      <c r="Q218" s="438"/>
      <c r="R218" s="438"/>
      <c r="S218" s="438"/>
      <c r="T218" s="438"/>
      <c r="U218" s="438"/>
      <c r="V218" s="438"/>
      <c r="W218" s="438"/>
      <c r="X218" s="438"/>
      <c r="Y218" s="438"/>
      <c r="Z218" s="438"/>
      <c r="AA218" s="438"/>
      <c r="AB218" s="438"/>
      <c r="AC218" s="438"/>
      <c r="AD218" s="438"/>
      <c r="AE218" s="438"/>
      <c r="AF218" s="438"/>
      <c r="AG218" s="438"/>
      <c r="AH218" s="438"/>
      <c r="AI218" s="78"/>
      <c r="AJ218" s="155"/>
      <c r="AK218" s="96"/>
    </row>
    <row r="219" spans="1:38" s="76" customFormat="1" ht="13.5" customHeight="1" thickBot="1">
      <c r="A219" s="129" t="s">
        <v>268</v>
      </c>
      <c r="B219" s="126"/>
      <c r="C219" s="133"/>
      <c r="D219" s="133"/>
      <c r="E219" s="133"/>
      <c r="F219" s="133"/>
      <c r="G219" s="133"/>
      <c r="H219" s="133"/>
      <c r="I219" s="133"/>
      <c r="J219" s="133"/>
      <c r="K219" s="133"/>
      <c r="L219" s="133"/>
      <c r="M219" s="133"/>
      <c r="N219" s="133"/>
      <c r="O219" s="133"/>
      <c r="P219" s="133"/>
      <c r="Q219" s="133"/>
      <c r="R219" s="133"/>
      <c r="S219" s="133"/>
      <c r="T219" s="133"/>
      <c r="U219" s="133"/>
      <c r="V219" s="133"/>
      <c r="W219" s="133"/>
      <c r="X219" s="133"/>
      <c r="Y219" s="133"/>
      <c r="Z219" s="133"/>
      <c r="AA219" s="133"/>
      <c r="AB219" s="133"/>
      <c r="AC219" s="133"/>
      <c r="AD219" s="133"/>
      <c r="AE219" s="133"/>
      <c r="AF219" s="133"/>
      <c r="AG219" s="133"/>
      <c r="AH219" s="133"/>
      <c r="AI219" s="133"/>
      <c r="AJ219" s="133"/>
      <c r="AK219" s="126"/>
      <c r="AL219" s="126"/>
    </row>
    <row r="220" spans="1:38" s="76" customFormat="1" ht="13.5" customHeight="1" thickTop="1">
      <c r="A220" s="266">
        <v>19</v>
      </c>
      <c r="B220" s="267"/>
      <c r="C220" s="270" t="s">
        <v>496</v>
      </c>
      <c r="D220" s="271"/>
      <c r="E220" s="271"/>
      <c r="F220" s="271"/>
      <c r="G220" s="271"/>
      <c r="H220" s="271"/>
      <c r="I220" s="271"/>
      <c r="J220" s="271"/>
      <c r="K220" s="271"/>
      <c r="L220" s="271"/>
      <c r="M220" s="271"/>
      <c r="N220" s="271"/>
      <c r="O220" s="271"/>
      <c r="P220" s="271"/>
      <c r="Q220" s="271"/>
      <c r="R220" s="271"/>
      <c r="S220" s="271"/>
      <c r="T220" s="271"/>
      <c r="U220" s="271"/>
      <c r="V220" s="271"/>
      <c r="W220" s="271"/>
      <c r="X220" s="271"/>
      <c r="Y220" s="271"/>
      <c r="Z220" s="271"/>
      <c r="AA220" s="271"/>
      <c r="AB220" s="271"/>
      <c r="AC220" s="271"/>
      <c r="AD220" s="271"/>
      <c r="AE220" s="271"/>
      <c r="AF220" s="271"/>
      <c r="AG220" s="271"/>
      <c r="AH220" s="271"/>
      <c r="AI220" s="271"/>
      <c r="AJ220" s="279"/>
      <c r="AK220" s="275"/>
      <c r="AL220" s="276"/>
    </row>
    <row r="221" spans="1:38" s="76" customFormat="1" ht="13.5" customHeight="1" thickBot="1">
      <c r="A221" s="268"/>
      <c r="B221" s="269"/>
      <c r="C221" s="272"/>
      <c r="D221" s="281"/>
      <c r="E221" s="281"/>
      <c r="F221" s="281"/>
      <c r="G221" s="281"/>
      <c r="H221" s="281"/>
      <c r="I221" s="281"/>
      <c r="J221" s="281"/>
      <c r="K221" s="281"/>
      <c r="L221" s="281"/>
      <c r="M221" s="281"/>
      <c r="N221" s="281"/>
      <c r="O221" s="281"/>
      <c r="P221" s="281"/>
      <c r="Q221" s="281"/>
      <c r="R221" s="281"/>
      <c r="S221" s="281"/>
      <c r="T221" s="281"/>
      <c r="U221" s="281"/>
      <c r="V221" s="281"/>
      <c r="W221" s="281"/>
      <c r="X221" s="281"/>
      <c r="Y221" s="281"/>
      <c r="Z221" s="281"/>
      <c r="AA221" s="281"/>
      <c r="AB221" s="281"/>
      <c r="AC221" s="281"/>
      <c r="AD221" s="281"/>
      <c r="AE221" s="281"/>
      <c r="AF221" s="281"/>
      <c r="AG221" s="281"/>
      <c r="AH221" s="281"/>
      <c r="AI221" s="281"/>
      <c r="AJ221" s="312"/>
      <c r="AK221" s="277"/>
      <c r="AL221" s="278"/>
    </row>
    <row r="222" spans="1:38" s="76" customFormat="1" ht="13.5" customHeight="1" thickTop="1">
      <c r="A222" s="125"/>
      <c r="B222" s="125"/>
      <c r="C222" s="272"/>
      <c r="D222" s="281"/>
      <c r="E222" s="281"/>
      <c r="F222" s="281"/>
      <c r="G222" s="281"/>
      <c r="H222" s="281"/>
      <c r="I222" s="281"/>
      <c r="J222" s="281"/>
      <c r="K222" s="281"/>
      <c r="L222" s="281"/>
      <c r="M222" s="281"/>
      <c r="N222" s="281"/>
      <c r="O222" s="281"/>
      <c r="P222" s="281"/>
      <c r="Q222" s="281"/>
      <c r="R222" s="281"/>
      <c r="S222" s="281"/>
      <c r="T222" s="281"/>
      <c r="U222" s="281"/>
      <c r="V222" s="281"/>
      <c r="W222" s="281"/>
      <c r="X222" s="281"/>
      <c r="Y222" s="281"/>
      <c r="Z222" s="281"/>
      <c r="AA222" s="281"/>
      <c r="AB222" s="281"/>
      <c r="AC222" s="281"/>
      <c r="AD222" s="281"/>
      <c r="AE222" s="281"/>
      <c r="AF222" s="281"/>
      <c r="AG222" s="281"/>
      <c r="AH222" s="281"/>
      <c r="AI222" s="281"/>
      <c r="AJ222" s="281"/>
      <c r="AK222" s="130"/>
      <c r="AL222" s="126"/>
    </row>
    <row r="223" spans="1:38" s="76" customFormat="1" ht="13.5" customHeight="1">
      <c r="A223" s="125"/>
      <c r="B223" s="125"/>
      <c r="C223" s="273"/>
      <c r="D223" s="274"/>
      <c r="E223" s="274"/>
      <c r="F223" s="274"/>
      <c r="G223" s="274"/>
      <c r="H223" s="274"/>
      <c r="I223" s="274"/>
      <c r="J223" s="274"/>
      <c r="K223" s="274"/>
      <c r="L223" s="274"/>
      <c r="M223" s="274"/>
      <c r="N223" s="274"/>
      <c r="O223" s="274"/>
      <c r="P223" s="274"/>
      <c r="Q223" s="274"/>
      <c r="R223" s="274"/>
      <c r="S223" s="274"/>
      <c r="T223" s="274"/>
      <c r="U223" s="274"/>
      <c r="V223" s="274"/>
      <c r="W223" s="274"/>
      <c r="X223" s="274"/>
      <c r="Y223" s="274"/>
      <c r="Z223" s="274"/>
      <c r="AA223" s="274"/>
      <c r="AB223" s="274"/>
      <c r="AC223" s="274"/>
      <c r="AD223" s="274"/>
      <c r="AE223" s="274"/>
      <c r="AF223" s="274"/>
      <c r="AG223" s="274"/>
      <c r="AH223" s="274"/>
      <c r="AI223" s="274"/>
      <c r="AJ223" s="274"/>
      <c r="AK223" s="132"/>
    </row>
    <row r="224" spans="1:38" s="76" customFormat="1" ht="13.5" customHeight="1"/>
    <row r="225" spans="1:38" s="76" customFormat="1" ht="13.5" customHeight="1">
      <c r="C225" s="156" t="s">
        <v>176</v>
      </c>
      <c r="D225" s="157"/>
      <c r="E225" s="157"/>
      <c r="F225" s="157"/>
      <c r="G225" s="157"/>
      <c r="H225" s="157"/>
      <c r="I225" s="157"/>
      <c r="J225" s="157"/>
      <c r="K225" s="157"/>
      <c r="L225" s="157"/>
      <c r="M225" s="157"/>
      <c r="N225" s="157"/>
      <c r="O225" s="157"/>
      <c r="P225" s="157"/>
      <c r="Q225" s="157"/>
      <c r="R225" s="157"/>
      <c r="S225" s="157"/>
      <c r="T225" s="157"/>
      <c r="U225" s="157"/>
      <c r="V225" s="157"/>
      <c r="W225" s="157"/>
      <c r="X225" s="157"/>
      <c r="Y225" s="157"/>
      <c r="Z225" s="157"/>
      <c r="AA225" s="157"/>
      <c r="AB225" s="158"/>
      <c r="AC225" s="157"/>
      <c r="AD225" s="157"/>
      <c r="AE225" s="157"/>
      <c r="AF225" s="157"/>
      <c r="AG225" s="159"/>
      <c r="AH225" s="126"/>
      <c r="AI225" s="126"/>
      <c r="AJ225" s="126"/>
      <c r="AK225" s="126"/>
      <c r="AL225" s="126"/>
    </row>
    <row r="226" spans="1:38" s="76" customFormat="1" ht="13.5" customHeight="1">
      <c r="C226" s="213" t="s">
        <v>177</v>
      </c>
      <c r="D226" s="157"/>
      <c r="E226" s="157"/>
      <c r="F226" s="157"/>
      <c r="G226" s="157"/>
      <c r="H226" s="157"/>
      <c r="I226" s="157"/>
      <c r="J226" s="157"/>
      <c r="K226" s="157"/>
      <c r="L226" s="157"/>
      <c r="M226" s="157"/>
      <c r="N226" s="157"/>
      <c r="O226" s="157"/>
      <c r="P226" s="157"/>
      <c r="Q226" s="157"/>
      <c r="R226" s="157"/>
      <c r="S226" s="157"/>
      <c r="T226" s="157"/>
      <c r="U226" s="157"/>
      <c r="V226" s="157"/>
      <c r="W226" s="157"/>
      <c r="X226" s="157"/>
      <c r="Y226" s="157"/>
      <c r="Z226" s="157"/>
      <c r="AA226" s="157"/>
      <c r="AB226" s="158"/>
      <c r="AC226" s="158"/>
      <c r="AD226" s="159"/>
      <c r="AE226" s="160"/>
      <c r="AF226" s="158"/>
      <c r="AG226" s="161"/>
      <c r="AH226" s="126" t="s">
        <v>39</v>
      </c>
      <c r="AI226" s="563" t="s">
        <v>40</v>
      </c>
      <c r="AJ226" s="564"/>
      <c r="AK226" s="126"/>
      <c r="AL226" s="126"/>
    </row>
    <row r="227" spans="1:38" s="76" customFormat="1" ht="13.5" customHeight="1">
      <c r="C227" s="126"/>
      <c r="D227" s="126"/>
      <c r="E227" s="126"/>
      <c r="F227" s="126"/>
      <c r="G227" s="126"/>
      <c r="H227" s="126"/>
      <c r="I227" s="126"/>
      <c r="J227" s="126"/>
      <c r="K227" s="126"/>
      <c r="L227" s="126"/>
      <c r="M227" s="126"/>
      <c r="N227" s="126"/>
      <c r="O227" s="126"/>
      <c r="P227" s="126"/>
      <c r="Q227" s="126"/>
      <c r="R227" s="126"/>
      <c r="S227" s="126"/>
      <c r="T227" s="126"/>
      <c r="U227" s="126"/>
      <c r="V227" s="126"/>
      <c r="W227" s="126"/>
      <c r="X227" s="126"/>
      <c r="Y227" s="126"/>
      <c r="Z227" s="126"/>
      <c r="AA227" s="126"/>
      <c r="AB227" s="96"/>
      <c r="AC227" s="96"/>
      <c r="AD227" s="126"/>
      <c r="AE227" s="96"/>
      <c r="AF227" s="126"/>
      <c r="AG227" s="126"/>
      <c r="AH227" s="96"/>
      <c r="AI227" s="126"/>
      <c r="AJ227" s="126"/>
      <c r="AK227" s="126"/>
      <c r="AL227" s="126"/>
    </row>
    <row r="228" spans="1:38" s="76" customFormat="1" ht="13.5" customHeight="1">
      <c r="A228" s="127" t="s">
        <v>62</v>
      </c>
    </row>
    <row r="229" spans="1:38" s="76" customFormat="1" ht="13.5" customHeight="1">
      <c r="A229" s="129" t="s">
        <v>472</v>
      </c>
    </row>
    <row r="230" spans="1:38" s="76" customFormat="1" ht="13.5" customHeight="1" thickBot="1">
      <c r="A230" s="125"/>
      <c r="B230" s="125"/>
      <c r="C230" s="429" t="s">
        <v>63</v>
      </c>
      <c r="D230" s="429"/>
      <c r="E230" s="429"/>
      <c r="F230" s="429"/>
      <c r="G230" s="429"/>
      <c r="H230" s="429"/>
      <c r="I230" s="429"/>
      <c r="J230" s="429"/>
      <c r="K230" s="429"/>
      <c r="L230" s="429"/>
      <c r="M230" s="429"/>
      <c r="N230" s="429"/>
      <c r="O230" s="429"/>
      <c r="P230" s="429"/>
      <c r="Q230" s="429"/>
      <c r="R230" s="429"/>
      <c r="S230" s="429"/>
      <c r="T230" s="133"/>
      <c r="U230" s="133"/>
      <c r="V230" s="133"/>
      <c r="W230" s="133"/>
      <c r="X230" s="133"/>
      <c r="Y230" s="133"/>
      <c r="Z230" s="133"/>
      <c r="AA230" s="133"/>
      <c r="AB230" s="133"/>
      <c r="AC230" s="133"/>
      <c r="AD230" s="133"/>
      <c r="AE230" s="133"/>
      <c r="AF230" s="133"/>
      <c r="AG230" s="133"/>
      <c r="AH230" s="133"/>
      <c r="AI230" s="133"/>
      <c r="AJ230" s="133"/>
      <c r="AK230" s="96"/>
    </row>
    <row r="231" spans="1:38" s="76" customFormat="1" ht="13.5" customHeight="1" thickTop="1">
      <c r="A231" s="266">
        <v>20</v>
      </c>
      <c r="B231" s="267"/>
      <c r="C231" s="270" t="s">
        <v>497</v>
      </c>
      <c r="D231" s="271"/>
      <c r="E231" s="271"/>
      <c r="F231" s="271"/>
      <c r="G231" s="271"/>
      <c r="H231" s="271"/>
      <c r="I231" s="271"/>
      <c r="J231" s="271"/>
      <c r="K231" s="271"/>
      <c r="L231" s="271"/>
      <c r="M231" s="271"/>
      <c r="N231" s="271"/>
      <c r="O231" s="271"/>
      <c r="P231" s="271"/>
      <c r="Q231" s="271"/>
      <c r="R231" s="271"/>
      <c r="S231" s="271"/>
      <c r="T231" s="271"/>
      <c r="U231" s="271"/>
      <c r="V231" s="271"/>
      <c r="W231" s="271"/>
      <c r="X231" s="271"/>
      <c r="Y231" s="271"/>
      <c r="Z231" s="271"/>
      <c r="AA231" s="271"/>
      <c r="AB231" s="271"/>
      <c r="AC231" s="271"/>
      <c r="AD231" s="271"/>
      <c r="AE231" s="271"/>
      <c r="AF231" s="271"/>
      <c r="AG231" s="271"/>
      <c r="AH231" s="271"/>
      <c r="AI231" s="271"/>
      <c r="AJ231" s="279"/>
      <c r="AK231" s="275"/>
      <c r="AL231" s="276"/>
    </row>
    <row r="232" spans="1:38" s="76" customFormat="1" ht="13.5" customHeight="1" thickBot="1">
      <c r="A232" s="268"/>
      <c r="B232" s="269"/>
      <c r="C232" s="273"/>
      <c r="D232" s="274"/>
      <c r="E232" s="274"/>
      <c r="F232" s="274"/>
      <c r="G232" s="274"/>
      <c r="H232" s="274"/>
      <c r="I232" s="274"/>
      <c r="J232" s="274"/>
      <c r="K232" s="274"/>
      <c r="L232" s="274"/>
      <c r="M232" s="274"/>
      <c r="N232" s="274"/>
      <c r="O232" s="274"/>
      <c r="P232" s="274"/>
      <c r="Q232" s="274"/>
      <c r="R232" s="274"/>
      <c r="S232" s="274"/>
      <c r="T232" s="274"/>
      <c r="U232" s="274"/>
      <c r="V232" s="274"/>
      <c r="W232" s="274"/>
      <c r="X232" s="274"/>
      <c r="Y232" s="274"/>
      <c r="Z232" s="274"/>
      <c r="AA232" s="274"/>
      <c r="AB232" s="274"/>
      <c r="AC232" s="274"/>
      <c r="AD232" s="274"/>
      <c r="AE232" s="274"/>
      <c r="AF232" s="274"/>
      <c r="AG232" s="274"/>
      <c r="AH232" s="274"/>
      <c r="AI232" s="274"/>
      <c r="AJ232" s="280"/>
      <c r="AK232" s="277"/>
      <c r="AL232" s="278"/>
    </row>
    <row r="233" spans="1:38" s="76" customFormat="1" ht="13.5" customHeight="1" thickTop="1">
      <c r="A233" s="125"/>
      <c r="B233" s="125"/>
      <c r="C233" s="133"/>
      <c r="D233" s="133"/>
      <c r="E233" s="133"/>
      <c r="F233" s="133"/>
      <c r="G233" s="133"/>
      <c r="H233" s="133"/>
      <c r="I233" s="133"/>
      <c r="J233" s="133"/>
      <c r="K233" s="133"/>
      <c r="L233" s="133"/>
      <c r="M233" s="133"/>
      <c r="N233" s="133"/>
      <c r="O233" s="133"/>
      <c r="P233" s="133"/>
      <c r="Q233" s="133"/>
      <c r="R233" s="133"/>
      <c r="S233" s="133"/>
      <c r="T233" s="133"/>
      <c r="U233" s="133"/>
      <c r="V233" s="133"/>
      <c r="W233" s="133"/>
      <c r="X233" s="133"/>
      <c r="Y233" s="133"/>
      <c r="Z233" s="133"/>
      <c r="AA233" s="133"/>
      <c r="AB233" s="133"/>
      <c r="AC233" s="133"/>
      <c r="AD233" s="133"/>
      <c r="AE233" s="133"/>
      <c r="AF233" s="133"/>
      <c r="AG233" s="133"/>
      <c r="AH233" s="133"/>
      <c r="AI233" s="133"/>
      <c r="AJ233" s="133"/>
      <c r="AK233" s="96"/>
    </row>
    <row r="234" spans="1:38" s="76" customFormat="1" ht="13.5" customHeight="1">
      <c r="A234" s="125"/>
      <c r="B234" s="125"/>
      <c r="C234" s="323" t="s">
        <v>64</v>
      </c>
      <c r="D234" s="323"/>
      <c r="E234" s="323"/>
      <c r="F234" s="323"/>
      <c r="G234" s="323"/>
      <c r="H234" s="323"/>
      <c r="I234" s="323"/>
      <c r="J234" s="323"/>
      <c r="K234" s="323"/>
      <c r="L234" s="323"/>
      <c r="M234" s="323"/>
      <c r="N234" s="323"/>
      <c r="O234" s="323"/>
      <c r="P234" s="323"/>
      <c r="Q234" s="323"/>
      <c r="R234" s="323"/>
      <c r="S234" s="323"/>
      <c r="T234" s="323"/>
      <c r="U234" s="323"/>
      <c r="V234" s="323"/>
      <c r="W234" s="323"/>
      <c r="X234" s="323"/>
      <c r="Y234" s="323"/>
      <c r="Z234" s="323"/>
      <c r="AA234" s="323"/>
      <c r="AB234" s="323"/>
      <c r="AC234" s="323"/>
      <c r="AD234" s="323"/>
      <c r="AE234" s="323"/>
      <c r="AF234" s="323"/>
      <c r="AG234" s="323"/>
      <c r="AH234" s="323"/>
      <c r="AI234" s="323"/>
      <c r="AJ234" s="323"/>
      <c r="AK234" s="96"/>
    </row>
    <row r="235" spans="1:38" s="76" customFormat="1" ht="13.5" customHeight="1">
      <c r="A235" s="125"/>
      <c r="B235" s="125"/>
      <c r="C235" s="323"/>
      <c r="D235" s="323"/>
      <c r="E235" s="323"/>
      <c r="F235" s="323"/>
      <c r="G235" s="323"/>
      <c r="H235" s="323"/>
      <c r="I235" s="323"/>
      <c r="J235" s="323"/>
      <c r="K235" s="323"/>
      <c r="L235" s="323"/>
      <c r="M235" s="323"/>
      <c r="N235" s="323"/>
      <c r="O235" s="323"/>
      <c r="P235" s="323"/>
      <c r="Q235" s="323"/>
      <c r="R235" s="323"/>
      <c r="S235" s="323"/>
      <c r="T235" s="323"/>
      <c r="U235" s="323"/>
      <c r="V235" s="323"/>
      <c r="W235" s="323"/>
      <c r="X235" s="323"/>
      <c r="Y235" s="323"/>
      <c r="Z235" s="323"/>
      <c r="AA235" s="323"/>
      <c r="AB235" s="323"/>
      <c r="AC235" s="323"/>
      <c r="AD235" s="323"/>
      <c r="AE235" s="323"/>
      <c r="AF235" s="323"/>
      <c r="AG235" s="323"/>
      <c r="AH235" s="323"/>
      <c r="AI235" s="323"/>
      <c r="AJ235" s="323"/>
      <c r="AK235" s="96"/>
    </row>
    <row r="236" spans="1:38" s="76" customFormat="1" ht="13.5" customHeight="1">
      <c r="A236" s="125"/>
      <c r="B236" s="125"/>
      <c r="C236" s="323" t="s">
        <v>65</v>
      </c>
      <c r="D236" s="323"/>
      <c r="E236" s="323"/>
      <c r="F236" s="323"/>
      <c r="G236" s="323"/>
      <c r="H236" s="323"/>
      <c r="I236" s="323"/>
      <c r="J236" s="323"/>
      <c r="K236" s="323"/>
      <c r="L236" s="323"/>
      <c r="M236" s="323"/>
      <c r="N236" s="323"/>
      <c r="O236" s="323"/>
      <c r="P236" s="323"/>
      <c r="Q236" s="323" t="s">
        <v>66</v>
      </c>
      <c r="R236" s="323"/>
      <c r="S236" s="323"/>
      <c r="T236" s="323"/>
      <c r="U236" s="323"/>
      <c r="V236" s="323"/>
      <c r="W236" s="323"/>
      <c r="X236" s="323"/>
      <c r="Y236" s="323"/>
      <c r="Z236" s="323"/>
      <c r="AA236" s="323"/>
      <c r="AB236" s="323"/>
      <c r="AC236" s="323"/>
      <c r="AD236" s="323"/>
      <c r="AE236" s="323"/>
      <c r="AF236" s="323"/>
      <c r="AG236" s="323"/>
      <c r="AH236" s="323"/>
      <c r="AI236" s="323"/>
      <c r="AJ236" s="437"/>
      <c r="AK236" s="417"/>
      <c r="AL236" s="363"/>
    </row>
    <row r="237" spans="1:38" s="76" customFormat="1" ht="13.5" customHeight="1">
      <c r="A237" s="125"/>
      <c r="B237" s="125"/>
      <c r="C237" s="323"/>
      <c r="D237" s="323"/>
      <c r="E237" s="323"/>
      <c r="F237" s="323"/>
      <c r="G237" s="323"/>
      <c r="H237" s="323"/>
      <c r="I237" s="323"/>
      <c r="J237" s="323"/>
      <c r="K237" s="323"/>
      <c r="L237" s="323"/>
      <c r="M237" s="323"/>
      <c r="N237" s="323"/>
      <c r="O237" s="323"/>
      <c r="P237" s="323"/>
      <c r="Q237" s="323"/>
      <c r="R237" s="323"/>
      <c r="S237" s="323"/>
      <c r="T237" s="323"/>
      <c r="U237" s="323"/>
      <c r="V237" s="323"/>
      <c r="W237" s="323"/>
      <c r="X237" s="323"/>
      <c r="Y237" s="323"/>
      <c r="Z237" s="323"/>
      <c r="AA237" s="323"/>
      <c r="AB237" s="323"/>
      <c r="AC237" s="323"/>
      <c r="AD237" s="323"/>
      <c r="AE237" s="323"/>
      <c r="AF237" s="323"/>
      <c r="AG237" s="323"/>
      <c r="AH237" s="323"/>
      <c r="AI237" s="323"/>
      <c r="AJ237" s="437"/>
      <c r="AK237" s="417"/>
      <c r="AL237" s="363"/>
    </row>
    <row r="238" spans="1:38" s="76" customFormat="1" ht="13.5" customHeight="1">
      <c r="A238" s="125"/>
      <c r="B238" s="125"/>
      <c r="C238" s="323" t="s">
        <v>259</v>
      </c>
      <c r="D238" s="323"/>
      <c r="E238" s="323"/>
      <c r="F238" s="323"/>
      <c r="G238" s="323"/>
      <c r="H238" s="323"/>
      <c r="I238" s="323"/>
      <c r="J238" s="323"/>
      <c r="K238" s="323"/>
      <c r="L238" s="323"/>
      <c r="M238" s="323"/>
      <c r="N238" s="323"/>
      <c r="O238" s="323"/>
      <c r="P238" s="323"/>
      <c r="Q238" s="323" t="s">
        <v>67</v>
      </c>
      <c r="R238" s="323"/>
      <c r="S238" s="323"/>
      <c r="T238" s="323"/>
      <c r="U238" s="323"/>
      <c r="V238" s="323"/>
      <c r="W238" s="323"/>
      <c r="X238" s="323"/>
      <c r="Y238" s="323"/>
      <c r="Z238" s="323"/>
      <c r="AA238" s="323"/>
      <c r="AB238" s="323"/>
      <c r="AC238" s="323"/>
      <c r="AD238" s="323"/>
      <c r="AE238" s="323"/>
      <c r="AF238" s="323"/>
      <c r="AG238" s="323"/>
      <c r="AH238" s="323"/>
      <c r="AI238" s="323"/>
      <c r="AJ238" s="437"/>
      <c r="AK238" s="417"/>
      <c r="AL238" s="363"/>
    </row>
    <row r="239" spans="1:38" s="76" customFormat="1" ht="13.5" customHeight="1">
      <c r="A239" s="125"/>
      <c r="B239" s="125"/>
      <c r="C239" s="323"/>
      <c r="D239" s="323"/>
      <c r="E239" s="323"/>
      <c r="F239" s="323"/>
      <c r="G239" s="323"/>
      <c r="H239" s="323"/>
      <c r="I239" s="323"/>
      <c r="J239" s="323"/>
      <c r="K239" s="323"/>
      <c r="L239" s="323"/>
      <c r="M239" s="323"/>
      <c r="N239" s="323"/>
      <c r="O239" s="323"/>
      <c r="P239" s="323"/>
      <c r="Q239" s="323"/>
      <c r="R239" s="323"/>
      <c r="S239" s="323"/>
      <c r="T239" s="323"/>
      <c r="U239" s="323"/>
      <c r="V239" s="323"/>
      <c r="W239" s="323"/>
      <c r="X239" s="323"/>
      <c r="Y239" s="323"/>
      <c r="Z239" s="323"/>
      <c r="AA239" s="323"/>
      <c r="AB239" s="323"/>
      <c r="AC239" s="323"/>
      <c r="AD239" s="323"/>
      <c r="AE239" s="323"/>
      <c r="AF239" s="323"/>
      <c r="AG239" s="323"/>
      <c r="AH239" s="323"/>
      <c r="AI239" s="323"/>
      <c r="AJ239" s="437"/>
      <c r="AK239" s="417"/>
      <c r="AL239" s="363"/>
    </row>
    <row r="240" spans="1:38" s="76" customFormat="1" ht="13.5" customHeight="1">
      <c r="A240" s="125"/>
      <c r="B240" s="125"/>
      <c r="C240" s="133"/>
      <c r="D240" s="133"/>
      <c r="E240" s="133"/>
      <c r="F240" s="133"/>
      <c r="G240" s="133"/>
      <c r="H240" s="133"/>
      <c r="I240" s="133"/>
      <c r="J240" s="133"/>
      <c r="K240" s="133"/>
      <c r="L240" s="133"/>
      <c r="M240" s="133"/>
      <c r="N240" s="133"/>
      <c r="O240" s="133"/>
      <c r="P240" s="133"/>
      <c r="Q240" s="133"/>
      <c r="R240" s="133"/>
      <c r="S240" s="133"/>
      <c r="T240" s="133"/>
      <c r="U240" s="133"/>
      <c r="V240" s="133"/>
      <c r="W240" s="133"/>
      <c r="X240" s="133"/>
      <c r="Y240" s="133"/>
      <c r="Z240" s="133"/>
      <c r="AA240" s="133"/>
      <c r="AB240" s="133"/>
      <c r="AC240" s="133"/>
      <c r="AD240" s="133"/>
      <c r="AE240" s="133"/>
      <c r="AF240" s="133"/>
      <c r="AG240" s="133"/>
      <c r="AH240" s="133"/>
      <c r="AI240" s="133"/>
      <c r="AJ240" s="133"/>
      <c r="AK240" s="96"/>
    </row>
    <row r="241" spans="1:38" s="76" customFormat="1" ht="13.5" customHeight="1">
      <c r="A241" s="125"/>
      <c r="B241" s="125"/>
      <c r="C241" s="449" t="s">
        <v>68</v>
      </c>
      <c r="D241" s="449"/>
      <c r="E241" s="449"/>
      <c r="F241" s="449"/>
      <c r="G241" s="449"/>
      <c r="H241" s="449"/>
      <c r="I241" s="449"/>
      <c r="J241" s="449"/>
      <c r="K241" s="449"/>
      <c r="L241" s="449"/>
      <c r="M241" s="449"/>
      <c r="N241" s="449"/>
      <c r="O241" s="449"/>
      <c r="P241" s="449"/>
      <c r="Q241" s="449"/>
      <c r="R241" s="449"/>
      <c r="S241" s="449"/>
      <c r="T241" s="449"/>
      <c r="U241" s="133"/>
      <c r="V241" s="133"/>
      <c r="W241" s="133"/>
      <c r="X241" s="133"/>
      <c r="Y241" s="133"/>
      <c r="Z241" s="133"/>
      <c r="AA241" s="133"/>
      <c r="AB241" s="133"/>
      <c r="AC241" s="133"/>
      <c r="AD241" s="133"/>
      <c r="AE241" s="133"/>
      <c r="AF241" s="133"/>
      <c r="AG241" s="133"/>
      <c r="AH241" s="133"/>
      <c r="AI241" s="133"/>
      <c r="AJ241" s="133"/>
      <c r="AK241" s="96"/>
    </row>
    <row r="242" spans="1:38" s="76" customFormat="1" ht="13.5" customHeight="1">
      <c r="A242" s="125"/>
      <c r="B242" s="125"/>
      <c r="C242" s="450" t="s">
        <v>69</v>
      </c>
      <c r="D242" s="450"/>
      <c r="E242" s="450"/>
      <c r="F242" s="450"/>
      <c r="G242" s="450"/>
      <c r="H242" s="450"/>
      <c r="I242" s="323" t="s">
        <v>473</v>
      </c>
      <c r="J242" s="323"/>
      <c r="K242" s="323"/>
      <c r="L242" s="323"/>
      <c r="M242" s="323"/>
      <c r="N242" s="323"/>
      <c r="O242" s="323"/>
      <c r="P242" s="323"/>
      <c r="Q242" s="323"/>
      <c r="R242" s="323"/>
      <c r="S242" s="323"/>
      <c r="T242" s="323"/>
      <c r="U242" s="323"/>
      <c r="V242" s="323"/>
      <c r="W242" s="323"/>
      <c r="X242" s="323"/>
      <c r="Y242" s="323"/>
      <c r="Z242" s="323"/>
      <c r="AA242" s="323"/>
      <c r="AB242" s="323"/>
      <c r="AC242" s="323"/>
      <c r="AD242" s="323"/>
      <c r="AE242" s="323"/>
      <c r="AF242" s="323"/>
      <c r="AG242" s="323"/>
      <c r="AH242" s="323"/>
      <c r="AI242" s="323"/>
      <c r="AJ242" s="323"/>
      <c r="AK242" s="96"/>
    </row>
    <row r="243" spans="1:38" s="76" customFormat="1" ht="13.5" customHeight="1">
      <c r="A243" s="125"/>
      <c r="B243" s="125"/>
      <c r="C243" s="450"/>
      <c r="D243" s="450"/>
      <c r="E243" s="450"/>
      <c r="F243" s="450"/>
      <c r="G243" s="450"/>
      <c r="H243" s="450"/>
      <c r="I243" s="323"/>
      <c r="J243" s="323"/>
      <c r="K243" s="323"/>
      <c r="L243" s="323"/>
      <c r="M243" s="323"/>
      <c r="N243" s="323"/>
      <c r="O243" s="323"/>
      <c r="P243" s="323"/>
      <c r="Q243" s="323"/>
      <c r="R243" s="323"/>
      <c r="S243" s="323"/>
      <c r="T243" s="323"/>
      <c r="U243" s="323"/>
      <c r="V243" s="323"/>
      <c r="W243" s="323"/>
      <c r="X243" s="323"/>
      <c r="Y243" s="323"/>
      <c r="Z243" s="323"/>
      <c r="AA243" s="323"/>
      <c r="AB243" s="323"/>
      <c r="AC243" s="323"/>
      <c r="AD243" s="323"/>
      <c r="AE243" s="323"/>
      <c r="AF243" s="323"/>
      <c r="AG243" s="323"/>
      <c r="AH243" s="323"/>
      <c r="AI243" s="323"/>
      <c r="AJ243" s="323"/>
      <c r="AK243" s="96"/>
    </row>
    <row r="244" spans="1:38" s="76" customFormat="1" ht="13.5" customHeight="1">
      <c r="A244" s="125"/>
      <c r="B244" s="125"/>
      <c r="C244" s="450"/>
      <c r="D244" s="450"/>
      <c r="E244" s="450"/>
      <c r="F244" s="450"/>
      <c r="G244" s="450"/>
      <c r="H244" s="450"/>
      <c r="I244" s="323" t="s">
        <v>474</v>
      </c>
      <c r="J244" s="323"/>
      <c r="K244" s="323"/>
      <c r="L244" s="323"/>
      <c r="M244" s="323"/>
      <c r="N244" s="323"/>
      <c r="O244" s="323"/>
      <c r="P244" s="323"/>
      <c r="Q244" s="323"/>
      <c r="R244" s="323"/>
      <c r="S244" s="323"/>
      <c r="T244" s="323"/>
      <c r="U244" s="323"/>
      <c r="V244" s="323"/>
      <c r="W244" s="323"/>
      <c r="X244" s="323"/>
      <c r="Y244" s="323"/>
      <c r="Z244" s="323"/>
      <c r="AA244" s="323"/>
      <c r="AB244" s="323"/>
      <c r="AC244" s="323"/>
      <c r="AD244" s="323"/>
      <c r="AE244" s="323"/>
      <c r="AF244" s="323"/>
      <c r="AG244" s="323"/>
      <c r="AH244" s="323"/>
      <c r="AI244" s="323"/>
      <c r="AJ244" s="323"/>
      <c r="AK244" s="96"/>
    </row>
    <row r="245" spans="1:38" s="76" customFormat="1" ht="13.5" customHeight="1">
      <c r="A245" s="125"/>
      <c r="B245" s="125"/>
      <c r="C245" s="450"/>
      <c r="D245" s="450"/>
      <c r="E245" s="450"/>
      <c r="F245" s="450"/>
      <c r="G245" s="450"/>
      <c r="H245" s="450"/>
      <c r="I245" s="323"/>
      <c r="J245" s="323"/>
      <c r="K245" s="323"/>
      <c r="L245" s="323"/>
      <c r="M245" s="323"/>
      <c r="N245" s="323"/>
      <c r="O245" s="323"/>
      <c r="P245" s="323"/>
      <c r="Q245" s="323"/>
      <c r="R245" s="323"/>
      <c r="S245" s="323"/>
      <c r="T245" s="323"/>
      <c r="U245" s="323"/>
      <c r="V245" s="323"/>
      <c r="W245" s="323"/>
      <c r="X245" s="323"/>
      <c r="Y245" s="323"/>
      <c r="Z245" s="323"/>
      <c r="AA245" s="323"/>
      <c r="AB245" s="323"/>
      <c r="AC245" s="323"/>
      <c r="AD245" s="323"/>
      <c r="AE245" s="323"/>
      <c r="AF245" s="323"/>
      <c r="AG245" s="323"/>
      <c r="AH245" s="323"/>
      <c r="AI245" s="323"/>
      <c r="AJ245" s="323"/>
      <c r="AK245" s="96"/>
    </row>
    <row r="246" spans="1:38" s="76" customFormat="1" ht="13.5" customHeight="1">
      <c r="A246" s="125"/>
      <c r="B246" s="125"/>
      <c r="C246" s="450"/>
      <c r="D246" s="450"/>
      <c r="E246" s="450"/>
      <c r="F246" s="450"/>
      <c r="G246" s="450"/>
      <c r="H246" s="450"/>
      <c r="I246" s="323" t="s">
        <v>475</v>
      </c>
      <c r="J246" s="323"/>
      <c r="K246" s="323"/>
      <c r="L246" s="323"/>
      <c r="M246" s="323"/>
      <c r="N246" s="323"/>
      <c r="O246" s="323"/>
      <c r="P246" s="323"/>
      <c r="Q246" s="323"/>
      <c r="R246" s="323"/>
      <c r="S246" s="323"/>
      <c r="T246" s="323"/>
      <c r="U246" s="323"/>
      <c r="V246" s="323"/>
      <c r="W246" s="323"/>
      <c r="X246" s="323"/>
      <c r="Y246" s="323"/>
      <c r="Z246" s="323"/>
      <c r="AA246" s="323"/>
      <c r="AB246" s="323"/>
      <c r="AC246" s="323"/>
      <c r="AD246" s="323"/>
      <c r="AE246" s="323"/>
      <c r="AF246" s="323"/>
      <c r="AG246" s="323"/>
      <c r="AH246" s="323"/>
      <c r="AI246" s="323"/>
      <c r="AJ246" s="323"/>
      <c r="AK246" s="96"/>
    </row>
    <row r="247" spans="1:38" s="76" customFormat="1" ht="13.5" customHeight="1">
      <c r="A247" s="125"/>
      <c r="B247" s="125"/>
      <c r="C247" s="450"/>
      <c r="D247" s="450"/>
      <c r="E247" s="450"/>
      <c r="F247" s="450"/>
      <c r="G247" s="450"/>
      <c r="H247" s="450"/>
      <c r="I247" s="323"/>
      <c r="J247" s="323"/>
      <c r="K247" s="323"/>
      <c r="L247" s="323"/>
      <c r="M247" s="323"/>
      <c r="N247" s="323"/>
      <c r="O247" s="323"/>
      <c r="P247" s="323"/>
      <c r="Q247" s="323"/>
      <c r="R247" s="323"/>
      <c r="S247" s="323"/>
      <c r="T247" s="323"/>
      <c r="U247" s="323"/>
      <c r="V247" s="323"/>
      <c r="W247" s="323"/>
      <c r="X247" s="323"/>
      <c r="Y247" s="323"/>
      <c r="Z247" s="323"/>
      <c r="AA247" s="323"/>
      <c r="AB247" s="323"/>
      <c r="AC247" s="323"/>
      <c r="AD247" s="323"/>
      <c r="AE247" s="323"/>
      <c r="AF247" s="323"/>
      <c r="AG247" s="323"/>
      <c r="AH247" s="323"/>
      <c r="AI247" s="323"/>
      <c r="AJ247" s="323"/>
      <c r="AK247" s="96"/>
    </row>
    <row r="248" spans="1:38" s="76" customFormat="1" ht="13.5" customHeight="1">
      <c r="A248" s="125"/>
      <c r="B248" s="125"/>
      <c r="C248" s="450"/>
      <c r="D248" s="450"/>
      <c r="E248" s="450"/>
      <c r="F248" s="450"/>
      <c r="G248" s="450"/>
      <c r="H248" s="450"/>
      <c r="I248" s="323" t="s">
        <v>70</v>
      </c>
      <c r="J248" s="323"/>
      <c r="K248" s="323"/>
      <c r="L248" s="323"/>
      <c r="M248" s="323"/>
      <c r="N248" s="323"/>
      <c r="O248" s="323"/>
      <c r="P248" s="323"/>
      <c r="Q248" s="323"/>
      <c r="R248" s="323"/>
      <c r="S248" s="323"/>
      <c r="T248" s="323"/>
      <c r="U248" s="323"/>
      <c r="V248" s="323"/>
      <c r="W248" s="323"/>
      <c r="X248" s="323"/>
      <c r="Y248" s="323"/>
      <c r="Z248" s="323"/>
      <c r="AA248" s="323"/>
      <c r="AB248" s="323"/>
      <c r="AC248" s="323"/>
      <c r="AD248" s="323"/>
      <c r="AE248" s="323"/>
      <c r="AF248" s="323"/>
      <c r="AG248" s="323"/>
      <c r="AH248" s="323"/>
      <c r="AI248" s="323"/>
      <c r="AJ248" s="323"/>
      <c r="AK248" s="96"/>
    </row>
    <row r="249" spans="1:38" s="76" customFormat="1" ht="13.5" customHeight="1">
      <c r="A249" s="125"/>
      <c r="B249" s="125"/>
      <c r="C249" s="450"/>
      <c r="D249" s="450"/>
      <c r="E249" s="450"/>
      <c r="F249" s="450"/>
      <c r="G249" s="450"/>
      <c r="H249" s="450"/>
      <c r="I249" s="323"/>
      <c r="J249" s="323"/>
      <c r="K249" s="323"/>
      <c r="L249" s="323"/>
      <c r="M249" s="323"/>
      <c r="N249" s="323"/>
      <c r="O249" s="323"/>
      <c r="P249" s="323"/>
      <c r="Q249" s="323"/>
      <c r="R249" s="323"/>
      <c r="S249" s="323"/>
      <c r="T249" s="323"/>
      <c r="U249" s="323"/>
      <c r="V249" s="323"/>
      <c r="W249" s="323"/>
      <c r="X249" s="323"/>
      <c r="Y249" s="323"/>
      <c r="Z249" s="323"/>
      <c r="AA249" s="323"/>
      <c r="AB249" s="323"/>
      <c r="AC249" s="323"/>
      <c r="AD249" s="323"/>
      <c r="AE249" s="323"/>
      <c r="AF249" s="323"/>
      <c r="AG249" s="323"/>
      <c r="AH249" s="323"/>
      <c r="AI249" s="323"/>
      <c r="AJ249" s="323"/>
      <c r="AK249" s="96"/>
    </row>
    <row r="250" spans="1:38" s="76" customFormat="1" ht="13.5" customHeight="1" thickBot="1">
      <c r="A250" s="125"/>
      <c r="B250" s="125"/>
      <c r="C250" s="136"/>
      <c r="D250" s="136"/>
      <c r="E250" s="136"/>
      <c r="F250" s="136"/>
      <c r="G250" s="136"/>
      <c r="H250" s="136"/>
      <c r="I250" s="139"/>
      <c r="J250" s="139"/>
      <c r="K250" s="139"/>
      <c r="L250" s="139"/>
      <c r="M250" s="139"/>
      <c r="N250" s="139"/>
      <c r="O250" s="139"/>
      <c r="P250" s="139"/>
      <c r="Q250" s="139"/>
      <c r="R250" s="139"/>
      <c r="S250" s="139"/>
      <c r="T250" s="139"/>
      <c r="U250" s="139"/>
      <c r="V250" s="139"/>
      <c r="W250" s="139"/>
      <c r="X250" s="139"/>
      <c r="Y250" s="139"/>
      <c r="Z250" s="139"/>
      <c r="AA250" s="139"/>
      <c r="AB250" s="139"/>
      <c r="AC250" s="139"/>
      <c r="AD250" s="139"/>
      <c r="AE250" s="139"/>
      <c r="AF250" s="139"/>
      <c r="AG250" s="139"/>
      <c r="AH250" s="139"/>
      <c r="AI250" s="139"/>
      <c r="AJ250" s="139"/>
      <c r="AK250" s="96"/>
    </row>
    <row r="251" spans="1:38" s="76" customFormat="1" ht="13.5" customHeight="1" thickTop="1">
      <c r="A251" s="125"/>
      <c r="B251" s="125"/>
      <c r="C251" s="306" t="s">
        <v>260</v>
      </c>
      <c r="D251" s="262"/>
      <c r="E251" s="262"/>
      <c r="F251" s="262"/>
      <c r="G251" s="262"/>
      <c r="H251" s="262"/>
      <c r="I251" s="262"/>
      <c r="J251" s="262"/>
      <c r="K251" s="262"/>
      <c r="L251" s="262"/>
      <c r="M251" s="262"/>
      <c r="N251" s="262"/>
      <c r="O251" s="262"/>
      <c r="P251" s="262"/>
      <c r="Q251" s="262"/>
      <c r="R251" s="262"/>
      <c r="S251" s="262"/>
      <c r="T251" s="262"/>
      <c r="U251" s="262"/>
      <c r="V251" s="262"/>
      <c r="W251" s="262"/>
      <c r="X251" s="262"/>
      <c r="Y251" s="262"/>
      <c r="Z251" s="262"/>
      <c r="AA251" s="262"/>
      <c r="AB251" s="262"/>
      <c r="AC251" s="262"/>
      <c r="AD251" s="262"/>
      <c r="AE251" s="262"/>
      <c r="AF251" s="262"/>
      <c r="AG251" s="262"/>
      <c r="AH251" s="262"/>
      <c r="AI251" s="262"/>
      <c r="AJ251" s="311"/>
      <c r="AK251" s="275"/>
      <c r="AL251" s="276"/>
    </row>
    <row r="252" spans="1:38" s="76" customFormat="1" ht="13.5" customHeight="1" thickBot="1">
      <c r="A252" s="125"/>
      <c r="B252" s="125"/>
      <c r="C252" s="308"/>
      <c r="D252" s="284"/>
      <c r="E252" s="284"/>
      <c r="F252" s="284"/>
      <c r="G252" s="284"/>
      <c r="H252" s="284"/>
      <c r="I252" s="284"/>
      <c r="J252" s="284"/>
      <c r="K252" s="284"/>
      <c r="L252" s="284"/>
      <c r="M252" s="284"/>
      <c r="N252" s="284"/>
      <c r="O252" s="284"/>
      <c r="P252" s="284"/>
      <c r="Q252" s="284"/>
      <c r="R252" s="284"/>
      <c r="S252" s="284"/>
      <c r="T252" s="284"/>
      <c r="U252" s="284"/>
      <c r="V252" s="284"/>
      <c r="W252" s="284"/>
      <c r="X252" s="284"/>
      <c r="Y252" s="284"/>
      <c r="Z252" s="284"/>
      <c r="AA252" s="284"/>
      <c r="AB252" s="284"/>
      <c r="AC252" s="284"/>
      <c r="AD252" s="284"/>
      <c r="AE252" s="284"/>
      <c r="AF252" s="284"/>
      <c r="AG252" s="284"/>
      <c r="AH252" s="284"/>
      <c r="AI252" s="284"/>
      <c r="AJ252" s="321"/>
      <c r="AK252" s="282"/>
      <c r="AL252" s="283"/>
    </row>
    <row r="253" spans="1:38" s="76" customFormat="1" ht="13.5" customHeight="1" thickTop="1" thickBot="1">
      <c r="A253" s="125"/>
      <c r="B253" s="125"/>
      <c r="C253" s="133"/>
      <c r="D253" s="133"/>
      <c r="E253" s="133"/>
      <c r="F253" s="133"/>
      <c r="G253" s="133"/>
      <c r="H253" s="133"/>
      <c r="I253" s="133"/>
      <c r="J253" s="133"/>
      <c r="K253" s="133"/>
      <c r="L253" s="133"/>
      <c r="M253" s="133"/>
      <c r="N253" s="133"/>
      <c r="O253" s="133"/>
      <c r="P253" s="133"/>
      <c r="Q253" s="133"/>
      <c r="R253" s="133"/>
      <c r="S253" s="133"/>
      <c r="T253" s="133"/>
      <c r="U253" s="133"/>
      <c r="V253" s="133"/>
      <c r="W253" s="133"/>
      <c r="X253" s="133"/>
      <c r="Y253" s="133"/>
      <c r="Z253" s="133"/>
      <c r="AA253" s="133"/>
      <c r="AB253" s="133"/>
      <c r="AC253" s="133"/>
      <c r="AD253" s="133"/>
      <c r="AE253" s="133"/>
      <c r="AF253" s="133"/>
      <c r="AG253" s="133"/>
      <c r="AH253" s="133"/>
      <c r="AI253" s="133"/>
      <c r="AJ253" s="133"/>
      <c r="AK253" s="96"/>
    </row>
    <row r="254" spans="1:38" s="76" customFormat="1" ht="13.5" customHeight="1" thickTop="1">
      <c r="A254" s="266">
        <v>21</v>
      </c>
      <c r="B254" s="267"/>
      <c r="C254" s="270" t="s">
        <v>498</v>
      </c>
      <c r="D254" s="271"/>
      <c r="E254" s="271"/>
      <c r="F254" s="271"/>
      <c r="G254" s="271"/>
      <c r="H254" s="271"/>
      <c r="I254" s="271"/>
      <c r="J254" s="271"/>
      <c r="K254" s="271"/>
      <c r="L254" s="271"/>
      <c r="M254" s="271"/>
      <c r="N254" s="271"/>
      <c r="O254" s="271"/>
      <c r="P254" s="271"/>
      <c r="Q254" s="271"/>
      <c r="R254" s="271"/>
      <c r="S254" s="271"/>
      <c r="T254" s="271"/>
      <c r="U254" s="271"/>
      <c r="V254" s="271"/>
      <c r="W254" s="271"/>
      <c r="X254" s="271"/>
      <c r="Y254" s="271"/>
      <c r="Z254" s="271"/>
      <c r="AA254" s="271"/>
      <c r="AB254" s="271"/>
      <c r="AC254" s="271"/>
      <c r="AD254" s="271"/>
      <c r="AE254" s="271"/>
      <c r="AF254" s="271"/>
      <c r="AG254" s="271"/>
      <c r="AH254" s="271"/>
      <c r="AI254" s="271"/>
      <c r="AJ254" s="271"/>
      <c r="AK254" s="275"/>
      <c r="AL254" s="276"/>
    </row>
    <row r="255" spans="1:38" s="76" customFormat="1" ht="13.5" customHeight="1" thickBot="1">
      <c r="A255" s="268"/>
      <c r="B255" s="269"/>
      <c r="C255" s="273"/>
      <c r="D255" s="274"/>
      <c r="E255" s="274"/>
      <c r="F255" s="274"/>
      <c r="G255" s="274"/>
      <c r="H255" s="274"/>
      <c r="I255" s="274"/>
      <c r="J255" s="274"/>
      <c r="K255" s="274"/>
      <c r="L255" s="274"/>
      <c r="M255" s="274"/>
      <c r="N255" s="274"/>
      <c r="O255" s="274"/>
      <c r="P255" s="274"/>
      <c r="Q255" s="274"/>
      <c r="R255" s="274"/>
      <c r="S255" s="274"/>
      <c r="T255" s="274"/>
      <c r="U255" s="274"/>
      <c r="V255" s="274"/>
      <c r="W255" s="274"/>
      <c r="X255" s="274"/>
      <c r="Y255" s="274"/>
      <c r="Z255" s="274"/>
      <c r="AA255" s="274"/>
      <c r="AB255" s="274"/>
      <c r="AC255" s="274"/>
      <c r="AD255" s="274"/>
      <c r="AE255" s="274"/>
      <c r="AF255" s="274"/>
      <c r="AG255" s="274"/>
      <c r="AH255" s="274"/>
      <c r="AI255" s="274"/>
      <c r="AJ255" s="274"/>
      <c r="AK255" s="282"/>
      <c r="AL255" s="283"/>
    </row>
    <row r="256" spans="1:38" s="76" customFormat="1" ht="13.5" customHeight="1" thickTop="1" thickBot="1">
      <c r="A256" s="125"/>
      <c r="B256" s="125"/>
      <c r="C256" s="133"/>
      <c r="D256" s="133"/>
      <c r="E256" s="133"/>
      <c r="F256" s="133"/>
      <c r="G256" s="133"/>
      <c r="H256" s="133"/>
      <c r="I256" s="133"/>
      <c r="J256" s="133"/>
      <c r="K256" s="133"/>
      <c r="L256" s="133"/>
      <c r="M256" s="133"/>
      <c r="N256" s="133"/>
      <c r="O256" s="133"/>
      <c r="P256" s="133"/>
      <c r="Q256" s="133"/>
      <c r="R256" s="133"/>
      <c r="S256" s="133"/>
      <c r="T256" s="133"/>
      <c r="U256" s="133"/>
      <c r="V256" s="133"/>
      <c r="W256" s="133"/>
      <c r="X256" s="133"/>
      <c r="Y256" s="133"/>
      <c r="Z256" s="133"/>
      <c r="AA256" s="133"/>
      <c r="AB256" s="133"/>
      <c r="AC256" s="133"/>
      <c r="AD256" s="133"/>
      <c r="AE256" s="133"/>
      <c r="AF256" s="133"/>
      <c r="AG256" s="133"/>
      <c r="AH256" s="133"/>
      <c r="AI256" s="133"/>
      <c r="AJ256" s="133"/>
      <c r="AK256" s="142"/>
      <c r="AL256" s="142"/>
    </row>
    <row r="257" spans="1:38" s="76" customFormat="1" ht="13.5" customHeight="1" thickTop="1">
      <c r="A257" s="125"/>
      <c r="B257" s="125"/>
      <c r="C257" s="323" t="s">
        <v>71</v>
      </c>
      <c r="D257" s="323"/>
      <c r="E257" s="323"/>
      <c r="F257" s="323"/>
      <c r="G257" s="323"/>
      <c r="H257" s="323"/>
      <c r="I257" s="323"/>
      <c r="J257" s="323"/>
      <c r="K257" s="323"/>
      <c r="L257" s="323" t="s">
        <v>72</v>
      </c>
      <c r="M257" s="323"/>
      <c r="N257" s="323"/>
      <c r="O257" s="323"/>
      <c r="P257" s="323"/>
      <c r="Q257" s="323"/>
      <c r="R257" s="323"/>
      <c r="S257" s="323"/>
      <c r="T257" s="323"/>
      <c r="U257" s="323"/>
      <c r="V257" s="323"/>
      <c r="W257" s="323"/>
      <c r="X257" s="323"/>
      <c r="Y257" s="323"/>
      <c r="Z257" s="323"/>
      <c r="AA257" s="323"/>
      <c r="AB257" s="323"/>
      <c r="AC257" s="323"/>
      <c r="AD257" s="323"/>
      <c r="AE257" s="323"/>
      <c r="AF257" s="323"/>
      <c r="AG257" s="323"/>
      <c r="AH257" s="323"/>
      <c r="AI257" s="323"/>
      <c r="AJ257" s="323"/>
      <c r="AK257" s="275"/>
      <c r="AL257" s="276"/>
    </row>
    <row r="258" spans="1:38" s="76" customFormat="1" ht="13.5" customHeight="1" thickBot="1">
      <c r="A258" s="125"/>
      <c r="B258" s="125"/>
      <c r="C258" s="323"/>
      <c r="D258" s="323"/>
      <c r="E258" s="323"/>
      <c r="F258" s="323"/>
      <c r="G258" s="323"/>
      <c r="H258" s="323"/>
      <c r="I258" s="323"/>
      <c r="J258" s="323"/>
      <c r="K258" s="323"/>
      <c r="L258" s="323"/>
      <c r="M258" s="323"/>
      <c r="N258" s="323"/>
      <c r="O258" s="323"/>
      <c r="P258" s="323"/>
      <c r="Q258" s="323"/>
      <c r="R258" s="323"/>
      <c r="S258" s="323"/>
      <c r="T258" s="323"/>
      <c r="U258" s="323"/>
      <c r="V258" s="323"/>
      <c r="W258" s="323"/>
      <c r="X258" s="323"/>
      <c r="Y258" s="323"/>
      <c r="Z258" s="323"/>
      <c r="AA258" s="323"/>
      <c r="AB258" s="323"/>
      <c r="AC258" s="323"/>
      <c r="AD258" s="323"/>
      <c r="AE258" s="323"/>
      <c r="AF258" s="323"/>
      <c r="AG258" s="323"/>
      <c r="AH258" s="323"/>
      <c r="AI258" s="323"/>
      <c r="AJ258" s="323"/>
      <c r="AK258" s="282"/>
      <c r="AL258" s="283"/>
    </row>
    <row r="259" spans="1:38" s="76" customFormat="1" ht="13.5" customHeight="1" thickTop="1">
      <c r="A259" s="125"/>
      <c r="B259" s="125"/>
      <c r="C259" s="285" t="s">
        <v>73</v>
      </c>
      <c r="D259" s="286"/>
      <c r="E259" s="286"/>
      <c r="F259" s="286"/>
      <c r="G259" s="286"/>
      <c r="H259" s="286"/>
      <c r="I259" s="286"/>
      <c r="J259" s="286"/>
      <c r="K259" s="287"/>
      <c r="L259" s="323" t="s">
        <v>74</v>
      </c>
      <c r="M259" s="323"/>
      <c r="N259" s="323"/>
      <c r="O259" s="323"/>
      <c r="P259" s="323"/>
      <c r="Q259" s="323"/>
      <c r="R259" s="323"/>
      <c r="S259" s="323"/>
      <c r="T259" s="323"/>
      <c r="U259" s="323"/>
      <c r="V259" s="323"/>
      <c r="W259" s="323"/>
      <c r="X259" s="323"/>
      <c r="Y259" s="323"/>
      <c r="Z259" s="323"/>
      <c r="AA259" s="323"/>
      <c r="AB259" s="323"/>
      <c r="AC259" s="323"/>
      <c r="AD259" s="323"/>
      <c r="AE259" s="323"/>
      <c r="AF259" s="323"/>
      <c r="AG259" s="323"/>
      <c r="AH259" s="323"/>
      <c r="AI259" s="323"/>
      <c r="AJ259" s="323"/>
      <c r="AK259" s="275"/>
      <c r="AL259" s="276"/>
    </row>
    <row r="260" spans="1:38" s="76" customFormat="1" ht="13.5" customHeight="1" thickBot="1">
      <c r="A260" s="125"/>
      <c r="B260" s="125"/>
      <c r="C260" s="309"/>
      <c r="D260" s="251"/>
      <c r="E260" s="251"/>
      <c r="F260" s="251"/>
      <c r="G260" s="251"/>
      <c r="H260" s="251"/>
      <c r="I260" s="251"/>
      <c r="J260" s="251"/>
      <c r="K260" s="310"/>
      <c r="L260" s="323"/>
      <c r="M260" s="323"/>
      <c r="N260" s="323"/>
      <c r="O260" s="323"/>
      <c r="P260" s="323"/>
      <c r="Q260" s="323"/>
      <c r="R260" s="323"/>
      <c r="S260" s="323"/>
      <c r="T260" s="323"/>
      <c r="U260" s="323"/>
      <c r="V260" s="323"/>
      <c r="W260" s="323"/>
      <c r="X260" s="323"/>
      <c r="Y260" s="323"/>
      <c r="Z260" s="323"/>
      <c r="AA260" s="323"/>
      <c r="AB260" s="323"/>
      <c r="AC260" s="323"/>
      <c r="AD260" s="323"/>
      <c r="AE260" s="323"/>
      <c r="AF260" s="323"/>
      <c r="AG260" s="323"/>
      <c r="AH260" s="323"/>
      <c r="AI260" s="323"/>
      <c r="AJ260" s="323"/>
      <c r="AK260" s="282"/>
      <c r="AL260" s="283"/>
    </row>
    <row r="261" spans="1:38" s="76" customFormat="1" ht="13.5" customHeight="1" thickTop="1" thickBot="1">
      <c r="A261" s="125"/>
      <c r="B261" s="125"/>
      <c r="C261" s="309"/>
      <c r="D261" s="251"/>
      <c r="E261" s="251"/>
      <c r="F261" s="251"/>
      <c r="G261" s="251"/>
      <c r="H261" s="251"/>
      <c r="I261" s="251"/>
      <c r="J261" s="251"/>
      <c r="K261" s="310"/>
      <c r="L261" s="323"/>
      <c r="M261" s="323"/>
      <c r="N261" s="323"/>
      <c r="O261" s="323"/>
      <c r="P261" s="323"/>
      <c r="Q261" s="323"/>
      <c r="R261" s="323"/>
      <c r="S261" s="323"/>
      <c r="T261" s="323"/>
      <c r="U261" s="323"/>
      <c r="V261" s="323"/>
      <c r="W261" s="323"/>
      <c r="X261" s="323"/>
      <c r="Y261" s="323"/>
      <c r="Z261" s="323"/>
      <c r="AA261" s="323"/>
      <c r="AB261" s="323"/>
      <c r="AC261" s="323"/>
      <c r="AD261" s="323"/>
      <c r="AE261" s="323"/>
      <c r="AF261" s="323"/>
      <c r="AG261" s="323"/>
      <c r="AH261" s="323"/>
      <c r="AI261" s="323"/>
      <c r="AJ261" s="323"/>
      <c r="AK261" s="96"/>
    </row>
    <row r="262" spans="1:38" s="76" customFormat="1" ht="13.5" customHeight="1" thickTop="1">
      <c r="A262" s="125"/>
      <c r="B262" s="125"/>
      <c r="C262" s="309"/>
      <c r="D262" s="251"/>
      <c r="E262" s="251"/>
      <c r="F262" s="251"/>
      <c r="G262" s="251"/>
      <c r="H262" s="251"/>
      <c r="I262" s="251"/>
      <c r="J262" s="251"/>
      <c r="K262" s="310"/>
      <c r="L262" s="285" t="s">
        <v>185</v>
      </c>
      <c r="M262" s="286"/>
      <c r="N262" s="286"/>
      <c r="O262" s="286"/>
      <c r="P262" s="286"/>
      <c r="Q262" s="286"/>
      <c r="R262" s="286"/>
      <c r="S262" s="286"/>
      <c r="T262" s="286"/>
      <c r="U262" s="286"/>
      <c r="V262" s="286"/>
      <c r="W262" s="286"/>
      <c r="X262" s="286"/>
      <c r="Y262" s="286"/>
      <c r="Z262" s="286"/>
      <c r="AA262" s="286"/>
      <c r="AB262" s="286"/>
      <c r="AC262" s="286"/>
      <c r="AD262" s="286"/>
      <c r="AE262" s="286"/>
      <c r="AF262" s="286"/>
      <c r="AG262" s="286"/>
      <c r="AH262" s="286"/>
      <c r="AI262" s="286"/>
      <c r="AJ262" s="287"/>
      <c r="AK262" s="275"/>
      <c r="AL262" s="276"/>
    </row>
    <row r="263" spans="1:38" s="76" customFormat="1" ht="13.5" customHeight="1" thickBot="1">
      <c r="A263" s="125"/>
      <c r="B263" s="125"/>
      <c r="C263" s="288"/>
      <c r="D263" s="289"/>
      <c r="E263" s="289"/>
      <c r="F263" s="289"/>
      <c r="G263" s="289"/>
      <c r="H263" s="289"/>
      <c r="I263" s="289"/>
      <c r="J263" s="289"/>
      <c r="K263" s="290"/>
      <c r="L263" s="288"/>
      <c r="M263" s="289"/>
      <c r="N263" s="289"/>
      <c r="O263" s="289"/>
      <c r="P263" s="289"/>
      <c r="Q263" s="289"/>
      <c r="R263" s="289"/>
      <c r="S263" s="289"/>
      <c r="T263" s="289"/>
      <c r="U263" s="289"/>
      <c r="V263" s="289"/>
      <c r="W263" s="289"/>
      <c r="X263" s="289"/>
      <c r="Y263" s="289"/>
      <c r="Z263" s="289"/>
      <c r="AA263" s="289"/>
      <c r="AB263" s="289"/>
      <c r="AC263" s="289"/>
      <c r="AD263" s="289"/>
      <c r="AE263" s="289"/>
      <c r="AF263" s="289"/>
      <c r="AG263" s="289"/>
      <c r="AH263" s="289"/>
      <c r="AI263" s="289"/>
      <c r="AJ263" s="290"/>
      <c r="AK263" s="282"/>
      <c r="AL263" s="283"/>
    </row>
    <row r="264" spans="1:38" s="76" customFormat="1" ht="13.5" customHeight="1" thickTop="1">
      <c r="A264" s="125"/>
      <c r="B264" s="125"/>
      <c r="C264" s="323" t="s">
        <v>75</v>
      </c>
      <c r="D264" s="323"/>
      <c r="E264" s="323"/>
      <c r="F264" s="323"/>
      <c r="G264" s="323"/>
      <c r="H264" s="323"/>
      <c r="I264" s="323"/>
      <c r="J264" s="323"/>
      <c r="K264" s="323"/>
      <c r="L264" s="323" t="s">
        <v>76</v>
      </c>
      <c r="M264" s="323"/>
      <c r="N264" s="323"/>
      <c r="O264" s="323"/>
      <c r="P264" s="323"/>
      <c r="Q264" s="323"/>
      <c r="R264" s="323"/>
      <c r="S264" s="323"/>
      <c r="T264" s="323"/>
      <c r="U264" s="323"/>
      <c r="V264" s="323"/>
      <c r="W264" s="323"/>
      <c r="X264" s="323"/>
      <c r="Y264" s="323"/>
      <c r="Z264" s="323"/>
      <c r="AA264" s="323"/>
      <c r="AB264" s="323"/>
      <c r="AC264" s="323"/>
      <c r="AD264" s="323"/>
      <c r="AE264" s="323"/>
      <c r="AF264" s="323"/>
      <c r="AG264" s="323"/>
      <c r="AH264" s="323"/>
      <c r="AI264" s="323"/>
      <c r="AJ264" s="323"/>
      <c r="AK264" s="275"/>
      <c r="AL264" s="276"/>
    </row>
    <row r="265" spans="1:38" s="76" customFormat="1" ht="13.5" customHeight="1" thickBot="1">
      <c r="A265" s="125"/>
      <c r="B265" s="125"/>
      <c r="C265" s="323"/>
      <c r="D265" s="323"/>
      <c r="E265" s="323"/>
      <c r="F265" s="323"/>
      <c r="G265" s="323"/>
      <c r="H265" s="323"/>
      <c r="I265" s="323"/>
      <c r="J265" s="323"/>
      <c r="K265" s="323"/>
      <c r="L265" s="323"/>
      <c r="M265" s="323"/>
      <c r="N265" s="323"/>
      <c r="O265" s="323"/>
      <c r="P265" s="323"/>
      <c r="Q265" s="323"/>
      <c r="R265" s="323"/>
      <c r="S265" s="323"/>
      <c r="T265" s="323"/>
      <c r="U265" s="323"/>
      <c r="V265" s="323"/>
      <c r="W265" s="323"/>
      <c r="X265" s="323"/>
      <c r="Y265" s="323"/>
      <c r="Z265" s="323"/>
      <c r="AA265" s="323"/>
      <c r="AB265" s="323"/>
      <c r="AC265" s="323"/>
      <c r="AD265" s="323"/>
      <c r="AE265" s="323"/>
      <c r="AF265" s="323"/>
      <c r="AG265" s="323"/>
      <c r="AH265" s="323"/>
      <c r="AI265" s="323"/>
      <c r="AJ265" s="323"/>
      <c r="AK265" s="282"/>
      <c r="AL265" s="283"/>
    </row>
    <row r="266" spans="1:38" s="76" customFormat="1" ht="13.5" customHeight="1" thickTop="1">
      <c r="A266" s="125"/>
      <c r="B266" s="125"/>
      <c r="C266" s="440" t="s">
        <v>77</v>
      </c>
      <c r="D266" s="441"/>
      <c r="E266" s="441"/>
      <c r="F266" s="441"/>
      <c r="G266" s="441"/>
      <c r="H266" s="441"/>
      <c r="I266" s="441"/>
      <c r="J266" s="441"/>
      <c r="K266" s="442"/>
      <c r="L266" s="323" t="s">
        <v>78</v>
      </c>
      <c r="M266" s="323"/>
      <c r="N266" s="323"/>
      <c r="O266" s="323"/>
      <c r="P266" s="323"/>
      <c r="Q266" s="323"/>
      <c r="R266" s="323"/>
      <c r="S266" s="323"/>
      <c r="T266" s="323"/>
      <c r="U266" s="323"/>
      <c r="V266" s="323"/>
      <c r="W266" s="323"/>
      <c r="X266" s="323"/>
      <c r="Y266" s="323"/>
      <c r="Z266" s="323"/>
      <c r="AA266" s="323"/>
      <c r="AB266" s="323"/>
      <c r="AC266" s="323"/>
      <c r="AD266" s="323"/>
      <c r="AE266" s="323"/>
      <c r="AF266" s="323"/>
      <c r="AG266" s="323"/>
      <c r="AH266" s="323"/>
      <c r="AI266" s="323"/>
      <c r="AJ266" s="323"/>
      <c r="AK266" s="275"/>
      <c r="AL266" s="276"/>
    </row>
    <row r="267" spans="1:38" s="76" customFormat="1" ht="13.5" customHeight="1" thickBot="1">
      <c r="A267" s="125"/>
      <c r="B267" s="125"/>
      <c r="C267" s="443"/>
      <c r="D267" s="444"/>
      <c r="E267" s="444"/>
      <c r="F267" s="444"/>
      <c r="G267" s="444"/>
      <c r="H267" s="444"/>
      <c r="I267" s="444"/>
      <c r="J267" s="444"/>
      <c r="K267" s="445"/>
      <c r="L267" s="323"/>
      <c r="M267" s="323"/>
      <c r="N267" s="323"/>
      <c r="O267" s="323"/>
      <c r="P267" s="323"/>
      <c r="Q267" s="323"/>
      <c r="R267" s="323"/>
      <c r="S267" s="323"/>
      <c r="T267" s="323"/>
      <c r="U267" s="323"/>
      <c r="V267" s="323"/>
      <c r="W267" s="323"/>
      <c r="X267" s="323"/>
      <c r="Y267" s="323"/>
      <c r="Z267" s="323"/>
      <c r="AA267" s="323"/>
      <c r="AB267" s="323"/>
      <c r="AC267" s="323"/>
      <c r="AD267" s="323"/>
      <c r="AE267" s="323"/>
      <c r="AF267" s="323"/>
      <c r="AG267" s="323"/>
      <c r="AH267" s="323"/>
      <c r="AI267" s="323"/>
      <c r="AJ267" s="323"/>
      <c r="AK267" s="282"/>
      <c r="AL267" s="283"/>
    </row>
    <row r="268" spans="1:38" s="76" customFormat="1" ht="13.5" customHeight="1" thickTop="1" thickBot="1">
      <c r="A268" s="125"/>
      <c r="B268" s="125"/>
      <c r="C268" s="443"/>
      <c r="D268" s="444"/>
      <c r="E268" s="444"/>
      <c r="F268" s="444"/>
      <c r="G268" s="444"/>
      <c r="H268" s="444"/>
      <c r="I268" s="444"/>
      <c r="J268" s="444"/>
      <c r="K268" s="445"/>
      <c r="L268" s="323"/>
      <c r="M268" s="323"/>
      <c r="N268" s="323"/>
      <c r="O268" s="323"/>
      <c r="P268" s="323"/>
      <c r="Q268" s="323"/>
      <c r="R268" s="323"/>
      <c r="S268" s="323"/>
      <c r="T268" s="323"/>
      <c r="U268" s="323"/>
      <c r="V268" s="323"/>
      <c r="W268" s="323"/>
      <c r="X268" s="323"/>
      <c r="Y268" s="323"/>
      <c r="Z268" s="323"/>
      <c r="AA268" s="323"/>
      <c r="AB268" s="323"/>
      <c r="AC268" s="323"/>
      <c r="AD268" s="323"/>
      <c r="AE268" s="323"/>
      <c r="AF268" s="323"/>
      <c r="AG268" s="323"/>
      <c r="AH268" s="323"/>
      <c r="AI268" s="323"/>
      <c r="AJ268" s="323"/>
      <c r="AK268" s="96"/>
    </row>
    <row r="269" spans="1:38" s="76" customFormat="1" ht="13.5" customHeight="1" thickTop="1">
      <c r="A269" s="125"/>
      <c r="B269" s="125"/>
      <c r="C269" s="443"/>
      <c r="D269" s="444"/>
      <c r="E269" s="444"/>
      <c r="F269" s="444"/>
      <c r="G269" s="444"/>
      <c r="H269" s="444"/>
      <c r="I269" s="444"/>
      <c r="J269" s="444"/>
      <c r="K269" s="445"/>
      <c r="L269" s="285" t="s">
        <v>185</v>
      </c>
      <c r="M269" s="286"/>
      <c r="N269" s="286"/>
      <c r="O269" s="286"/>
      <c r="P269" s="286"/>
      <c r="Q269" s="286"/>
      <c r="R269" s="286"/>
      <c r="S269" s="286"/>
      <c r="T269" s="286"/>
      <c r="U269" s="286"/>
      <c r="V269" s="286"/>
      <c r="W269" s="286"/>
      <c r="X269" s="286"/>
      <c r="Y269" s="286"/>
      <c r="Z269" s="286"/>
      <c r="AA269" s="286"/>
      <c r="AB269" s="286"/>
      <c r="AC269" s="286"/>
      <c r="AD269" s="286"/>
      <c r="AE269" s="286"/>
      <c r="AF269" s="286"/>
      <c r="AG269" s="286"/>
      <c r="AH269" s="286"/>
      <c r="AI269" s="286"/>
      <c r="AJ269" s="287"/>
      <c r="AK269" s="275"/>
      <c r="AL269" s="276"/>
    </row>
    <row r="270" spans="1:38" s="76" customFormat="1" ht="13.5" customHeight="1" thickBot="1">
      <c r="A270" s="125"/>
      <c r="B270" s="125"/>
      <c r="C270" s="446"/>
      <c r="D270" s="447"/>
      <c r="E270" s="447"/>
      <c r="F270" s="447"/>
      <c r="G270" s="447"/>
      <c r="H270" s="447"/>
      <c r="I270" s="447"/>
      <c r="J270" s="447"/>
      <c r="K270" s="448"/>
      <c r="L270" s="288"/>
      <c r="M270" s="289"/>
      <c r="N270" s="289"/>
      <c r="O270" s="289"/>
      <c r="P270" s="289"/>
      <c r="Q270" s="289"/>
      <c r="R270" s="289"/>
      <c r="S270" s="289"/>
      <c r="T270" s="289"/>
      <c r="U270" s="289"/>
      <c r="V270" s="289"/>
      <c r="W270" s="289"/>
      <c r="X270" s="289"/>
      <c r="Y270" s="289"/>
      <c r="Z270" s="289"/>
      <c r="AA270" s="289"/>
      <c r="AB270" s="289"/>
      <c r="AC270" s="289"/>
      <c r="AD270" s="289"/>
      <c r="AE270" s="289"/>
      <c r="AF270" s="289"/>
      <c r="AG270" s="289"/>
      <c r="AH270" s="289"/>
      <c r="AI270" s="289"/>
      <c r="AJ270" s="290"/>
      <c r="AK270" s="282"/>
      <c r="AL270" s="283"/>
    </row>
    <row r="271" spans="1:38" s="76" customFormat="1" ht="13.5" customHeight="1" thickTop="1" thickBot="1">
      <c r="A271" s="125"/>
      <c r="B271" s="125"/>
      <c r="C271" s="136"/>
      <c r="D271" s="136"/>
      <c r="E271" s="136"/>
      <c r="F271" s="136"/>
      <c r="G271" s="136"/>
      <c r="H271" s="136"/>
      <c r="I271" s="136"/>
      <c r="J271" s="136"/>
      <c r="K271" s="136"/>
      <c r="L271" s="139"/>
      <c r="M271" s="139"/>
      <c r="N271" s="139"/>
      <c r="O271" s="139"/>
      <c r="P271" s="139"/>
      <c r="Q271" s="139"/>
      <c r="R271" s="139"/>
      <c r="S271" s="139"/>
      <c r="T271" s="139"/>
      <c r="U271" s="139"/>
      <c r="V271" s="139"/>
      <c r="W271" s="139"/>
      <c r="X271" s="139"/>
      <c r="Y271" s="139"/>
      <c r="Z271" s="139"/>
      <c r="AA271" s="139"/>
      <c r="AB271" s="139"/>
      <c r="AC271" s="139"/>
      <c r="AD271" s="139"/>
      <c r="AE271" s="139"/>
      <c r="AF271" s="139"/>
      <c r="AG271" s="139"/>
      <c r="AH271" s="139"/>
      <c r="AI271" s="139"/>
      <c r="AJ271" s="139"/>
      <c r="AK271" s="96"/>
    </row>
    <row r="272" spans="1:38" s="76" customFormat="1" ht="13.5" customHeight="1" thickTop="1">
      <c r="A272" s="266">
        <v>22</v>
      </c>
      <c r="B272" s="267"/>
      <c r="C272" s="270" t="s">
        <v>499</v>
      </c>
      <c r="D272" s="271"/>
      <c r="E272" s="271"/>
      <c r="F272" s="271"/>
      <c r="G272" s="271"/>
      <c r="H272" s="271"/>
      <c r="I272" s="271"/>
      <c r="J272" s="271"/>
      <c r="K272" s="271"/>
      <c r="L272" s="271"/>
      <c r="M272" s="271"/>
      <c r="N272" s="271"/>
      <c r="O272" s="271"/>
      <c r="P272" s="271"/>
      <c r="Q272" s="271"/>
      <c r="R272" s="271"/>
      <c r="S272" s="271"/>
      <c r="T272" s="271"/>
      <c r="U272" s="271"/>
      <c r="V272" s="271"/>
      <c r="W272" s="271"/>
      <c r="X272" s="271"/>
      <c r="Y272" s="271"/>
      <c r="Z272" s="271"/>
      <c r="AA272" s="271"/>
      <c r="AB272" s="271"/>
      <c r="AC272" s="271"/>
      <c r="AD272" s="271"/>
      <c r="AE272" s="271"/>
      <c r="AF272" s="271"/>
      <c r="AG272" s="271"/>
      <c r="AH272" s="271"/>
      <c r="AI272" s="271"/>
      <c r="AJ272" s="279"/>
      <c r="AK272" s="275"/>
      <c r="AL272" s="276"/>
    </row>
    <row r="273" spans="1:38" s="76" customFormat="1" ht="13.5" customHeight="1" thickBot="1">
      <c r="A273" s="268"/>
      <c r="B273" s="269"/>
      <c r="C273" s="273"/>
      <c r="D273" s="274"/>
      <c r="E273" s="274"/>
      <c r="F273" s="274"/>
      <c r="G273" s="274"/>
      <c r="H273" s="274"/>
      <c r="I273" s="274"/>
      <c r="J273" s="274"/>
      <c r="K273" s="274"/>
      <c r="L273" s="274"/>
      <c r="M273" s="274"/>
      <c r="N273" s="274"/>
      <c r="O273" s="274"/>
      <c r="P273" s="274"/>
      <c r="Q273" s="274"/>
      <c r="R273" s="274"/>
      <c r="S273" s="274"/>
      <c r="T273" s="274"/>
      <c r="U273" s="274"/>
      <c r="V273" s="274"/>
      <c r="W273" s="274"/>
      <c r="X273" s="274"/>
      <c r="Y273" s="274"/>
      <c r="Z273" s="274"/>
      <c r="AA273" s="274"/>
      <c r="AB273" s="274"/>
      <c r="AC273" s="274"/>
      <c r="AD273" s="274"/>
      <c r="AE273" s="274"/>
      <c r="AF273" s="274"/>
      <c r="AG273" s="274"/>
      <c r="AH273" s="274"/>
      <c r="AI273" s="274"/>
      <c r="AJ273" s="280"/>
      <c r="AK273" s="277"/>
      <c r="AL273" s="278"/>
    </row>
    <row r="274" spans="1:38" s="76" customFormat="1" ht="13.5" customHeight="1" thickTop="1">
      <c r="A274" s="125"/>
      <c r="B274" s="125"/>
      <c r="C274" s="133"/>
      <c r="D274" s="133"/>
      <c r="E274" s="133"/>
      <c r="F274" s="133"/>
      <c r="G274" s="133"/>
      <c r="H274" s="133"/>
      <c r="I274" s="133"/>
      <c r="J274" s="133"/>
      <c r="K274" s="133"/>
      <c r="L274" s="133"/>
      <c r="M274" s="133"/>
      <c r="N274" s="133"/>
      <c r="O274" s="133"/>
      <c r="P274" s="133"/>
      <c r="Q274" s="133"/>
      <c r="R274" s="133"/>
      <c r="S274" s="133"/>
      <c r="T274" s="133"/>
      <c r="U274" s="133"/>
      <c r="V274" s="133"/>
      <c r="W274" s="133"/>
      <c r="X274" s="133"/>
      <c r="Y274" s="133"/>
      <c r="Z274" s="133"/>
      <c r="AA274" s="133"/>
      <c r="AB274" s="133"/>
      <c r="AC274" s="133"/>
      <c r="AD274" s="133"/>
      <c r="AE274" s="133"/>
      <c r="AF274" s="133"/>
      <c r="AG274" s="133"/>
      <c r="AH274" s="133"/>
      <c r="AI274" s="133"/>
      <c r="AJ274" s="133"/>
      <c r="AK274" s="142"/>
      <c r="AL274" s="142"/>
    </row>
    <row r="275" spans="1:38" s="76" customFormat="1" ht="13.5" customHeight="1">
      <c r="A275" s="125"/>
      <c r="B275" s="125"/>
      <c r="C275" s="306" t="s">
        <v>79</v>
      </c>
      <c r="D275" s="262"/>
      <c r="E275" s="262"/>
      <c r="F275" s="262"/>
      <c r="G275" s="262"/>
      <c r="H275" s="262"/>
      <c r="I275" s="262"/>
      <c r="J275" s="262"/>
      <c r="K275" s="262"/>
      <c r="L275" s="262"/>
      <c r="M275" s="262"/>
      <c r="N275" s="262"/>
      <c r="O275" s="262"/>
      <c r="P275" s="262"/>
      <c r="Q275" s="262"/>
      <c r="R275" s="262"/>
      <c r="S275" s="262"/>
      <c r="T275" s="262"/>
      <c r="U275" s="262"/>
      <c r="V275" s="262"/>
      <c r="W275" s="262"/>
      <c r="X275" s="262"/>
      <c r="Y275" s="262"/>
      <c r="Z275" s="262"/>
      <c r="AA275" s="262"/>
      <c r="AB275" s="262"/>
      <c r="AC275" s="262"/>
      <c r="AD275" s="262"/>
      <c r="AE275" s="262"/>
      <c r="AF275" s="262"/>
      <c r="AG275" s="262"/>
      <c r="AH275" s="262"/>
      <c r="AI275" s="262"/>
      <c r="AJ275" s="262"/>
      <c r="AK275" s="138"/>
      <c r="AL275" s="126"/>
    </row>
    <row r="276" spans="1:38" s="76" customFormat="1" ht="13.5" customHeight="1">
      <c r="A276" s="125"/>
      <c r="B276" s="125"/>
      <c r="C276" s="307"/>
      <c r="D276" s="281"/>
      <c r="E276" s="281"/>
      <c r="F276" s="281"/>
      <c r="G276" s="281"/>
      <c r="H276" s="281"/>
      <c r="I276" s="281"/>
      <c r="J276" s="281"/>
      <c r="K276" s="281"/>
      <c r="L276" s="281"/>
      <c r="M276" s="281"/>
      <c r="N276" s="281"/>
      <c r="O276" s="281"/>
      <c r="P276" s="281"/>
      <c r="Q276" s="281"/>
      <c r="R276" s="281"/>
      <c r="S276" s="281"/>
      <c r="T276" s="281"/>
      <c r="U276" s="281"/>
      <c r="V276" s="281"/>
      <c r="W276" s="281"/>
      <c r="X276" s="281"/>
      <c r="Y276" s="281"/>
      <c r="Z276" s="281"/>
      <c r="AA276" s="281"/>
      <c r="AB276" s="281"/>
      <c r="AC276" s="281"/>
      <c r="AD276" s="281"/>
      <c r="AE276" s="281"/>
      <c r="AF276" s="281"/>
      <c r="AG276" s="281"/>
      <c r="AH276" s="281"/>
      <c r="AI276" s="281"/>
      <c r="AJ276" s="281"/>
      <c r="AK276" s="144"/>
      <c r="AL276" s="142"/>
    </row>
    <row r="277" spans="1:38" s="76" customFormat="1" ht="13.5" customHeight="1">
      <c r="A277" s="125"/>
      <c r="B277" s="125"/>
      <c r="C277" s="308"/>
      <c r="D277" s="284"/>
      <c r="E277" s="284"/>
      <c r="F277" s="284"/>
      <c r="G277" s="284"/>
      <c r="H277" s="284"/>
      <c r="I277" s="284"/>
      <c r="J277" s="284"/>
      <c r="K277" s="284"/>
      <c r="L277" s="284"/>
      <c r="M277" s="284"/>
      <c r="N277" s="284"/>
      <c r="O277" s="284"/>
      <c r="P277" s="284"/>
      <c r="Q277" s="284"/>
      <c r="R277" s="284"/>
      <c r="S277" s="284"/>
      <c r="T277" s="284"/>
      <c r="U277" s="284"/>
      <c r="V277" s="284"/>
      <c r="W277" s="284"/>
      <c r="X277" s="284"/>
      <c r="Y277" s="284"/>
      <c r="Z277" s="284"/>
      <c r="AA277" s="284"/>
      <c r="AB277" s="284"/>
      <c r="AC277" s="284"/>
      <c r="AD277" s="284"/>
      <c r="AE277" s="284"/>
      <c r="AF277" s="284"/>
      <c r="AG277" s="284"/>
      <c r="AH277" s="284"/>
      <c r="AI277" s="284"/>
      <c r="AJ277" s="284"/>
      <c r="AK277" s="153"/>
    </row>
    <row r="278" spans="1:38" s="76" customFormat="1" ht="9.65" customHeight="1">
      <c r="A278" s="125"/>
      <c r="B278" s="125"/>
      <c r="C278" s="133"/>
      <c r="D278" s="133"/>
      <c r="E278" s="133"/>
      <c r="F278" s="133"/>
      <c r="G278" s="133"/>
      <c r="H278" s="133"/>
      <c r="I278" s="133"/>
      <c r="J278" s="133"/>
      <c r="K278" s="133"/>
      <c r="L278" s="133"/>
      <c r="M278" s="133"/>
      <c r="N278" s="133"/>
      <c r="O278" s="133"/>
      <c r="P278" s="133"/>
      <c r="Q278" s="133"/>
      <c r="R278" s="133"/>
      <c r="S278" s="133"/>
      <c r="T278" s="133"/>
      <c r="U278" s="133"/>
      <c r="V278" s="133"/>
      <c r="W278" s="133"/>
      <c r="X278" s="133"/>
      <c r="Y278" s="133"/>
      <c r="Z278" s="133"/>
      <c r="AA278" s="133"/>
      <c r="AB278" s="133"/>
      <c r="AC278" s="133"/>
      <c r="AD278" s="133"/>
      <c r="AE278" s="133"/>
      <c r="AF278" s="133"/>
      <c r="AG278" s="133"/>
      <c r="AH278" s="133"/>
      <c r="AI278" s="133"/>
      <c r="AJ278" s="133"/>
      <c r="AK278" s="96"/>
    </row>
    <row r="279" spans="1:38" s="76" customFormat="1" ht="13.5" customHeight="1">
      <c r="A279" s="125"/>
      <c r="B279" s="125"/>
      <c r="C279" s="438" t="s">
        <v>676</v>
      </c>
      <c r="D279" s="438"/>
      <c r="E279" s="438"/>
      <c r="F279" s="438"/>
      <c r="G279" s="438"/>
      <c r="H279" s="438"/>
      <c r="I279" s="438"/>
      <c r="J279" s="438"/>
      <c r="K279" s="438"/>
      <c r="L279" s="438"/>
      <c r="M279" s="438"/>
      <c r="N279" s="438"/>
      <c r="O279" s="438"/>
      <c r="P279" s="438"/>
      <c r="Q279" s="438"/>
      <c r="R279" s="438"/>
      <c r="S279" s="438"/>
      <c r="T279" s="438"/>
      <c r="U279" s="438"/>
      <c r="V279" s="438"/>
      <c r="W279" s="438"/>
      <c r="X279" s="438"/>
      <c r="Y279" s="438"/>
      <c r="Z279" s="438"/>
      <c r="AA279" s="438"/>
      <c r="AB279" s="438"/>
      <c r="AC279" s="438"/>
      <c r="AD279" s="438"/>
      <c r="AE279" s="438"/>
      <c r="AF279" s="438"/>
      <c r="AG279" s="438"/>
      <c r="AH279" s="438"/>
      <c r="AI279" s="133"/>
      <c r="AJ279" s="133"/>
      <c r="AK279" s="96"/>
    </row>
    <row r="280" spans="1:38" s="76" customFormat="1" ht="13.5" customHeight="1">
      <c r="A280" s="125"/>
      <c r="B280" s="125"/>
      <c r="C280" s="438"/>
      <c r="D280" s="438"/>
      <c r="E280" s="438"/>
      <c r="F280" s="438"/>
      <c r="G280" s="438"/>
      <c r="H280" s="438"/>
      <c r="I280" s="438"/>
      <c r="J280" s="438"/>
      <c r="K280" s="438"/>
      <c r="L280" s="438"/>
      <c r="M280" s="438"/>
      <c r="N280" s="438"/>
      <c r="O280" s="438"/>
      <c r="P280" s="438"/>
      <c r="Q280" s="438"/>
      <c r="R280" s="438"/>
      <c r="S280" s="438"/>
      <c r="T280" s="438"/>
      <c r="U280" s="438"/>
      <c r="V280" s="438"/>
      <c r="W280" s="438"/>
      <c r="X280" s="438"/>
      <c r="Y280" s="438"/>
      <c r="Z280" s="438"/>
      <c r="AA280" s="438"/>
      <c r="AB280" s="438"/>
      <c r="AC280" s="438"/>
      <c r="AD280" s="438"/>
      <c r="AE280" s="438"/>
      <c r="AF280" s="438"/>
      <c r="AG280" s="438"/>
      <c r="AH280" s="438"/>
      <c r="AI280" s="78"/>
      <c r="AJ280" s="155"/>
      <c r="AK280" s="96"/>
    </row>
    <row r="281" spans="1:38" s="76" customFormat="1" ht="13.5" customHeight="1" thickBot="1">
      <c r="A281" s="129" t="s">
        <v>268</v>
      </c>
      <c r="B281" s="126"/>
      <c r="C281" s="133"/>
      <c r="D281" s="133"/>
      <c r="E281" s="133"/>
      <c r="F281" s="133"/>
      <c r="G281" s="133"/>
      <c r="H281" s="133"/>
      <c r="I281" s="133"/>
      <c r="J281" s="133"/>
      <c r="K281" s="133"/>
      <c r="L281" s="133"/>
      <c r="M281" s="133"/>
      <c r="N281" s="133"/>
      <c r="O281" s="133"/>
      <c r="P281" s="133"/>
      <c r="Q281" s="133"/>
      <c r="R281" s="133"/>
      <c r="S281" s="133"/>
      <c r="T281" s="133"/>
      <c r="U281" s="133"/>
      <c r="V281" s="133"/>
      <c r="W281" s="133"/>
      <c r="X281" s="133"/>
      <c r="Y281" s="133"/>
      <c r="Z281" s="133"/>
      <c r="AA281" s="133"/>
      <c r="AB281" s="133"/>
      <c r="AC281" s="133"/>
      <c r="AD281" s="133"/>
      <c r="AE281" s="133"/>
      <c r="AF281" s="133"/>
      <c r="AG281" s="133"/>
      <c r="AH281" s="133"/>
      <c r="AI281" s="133"/>
      <c r="AJ281" s="133"/>
      <c r="AK281" s="126"/>
      <c r="AL281" s="126"/>
    </row>
    <row r="282" spans="1:38" s="76" customFormat="1" ht="13.5" customHeight="1" thickTop="1">
      <c r="A282" s="266">
        <v>23</v>
      </c>
      <c r="B282" s="267"/>
      <c r="C282" s="270" t="s">
        <v>500</v>
      </c>
      <c r="D282" s="271"/>
      <c r="E282" s="271"/>
      <c r="F282" s="271"/>
      <c r="G282" s="271"/>
      <c r="H282" s="271"/>
      <c r="I282" s="271"/>
      <c r="J282" s="271"/>
      <c r="K282" s="271"/>
      <c r="L282" s="271"/>
      <c r="M282" s="271"/>
      <c r="N282" s="271"/>
      <c r="O282" s="271"/>
      <c r="P282" s="271"/>
      <c r="Q282" s="271"/>
      <c r="R282" s="271"/>
      <c r="S282" s="271"/>
      <c r="T282" s="271"/>
      <c r="U282" s="271"/>
      <c r="V282" s="271"/>
      <c r="W282" s="271"/>
      <c r="X282" s="271"/>
      <c r="Y282" s="271"/>
      <c r="Z282" s="271"/>
      <c r="AA282" s="271"/>
      <c r="AB282" s="271"/>
      <c r="AC282" s="271"/>
      <c r="AD282" s="271"/>
      <c r="AE282" s="271"/>
      <c r="AF282" s="271"/>
      <c r="AG282" s="271"/>
      <c r="AH282" s="271"/>
      <c r="AI282" s="271"/>
      <c r="AJ282" s="279"/>
      <c r="AK282" s="275"/>
      <c r="AL282" s="276"/>
    </row>
    <row r="283" spans="1:38" s="76" customFormat="1" ht="13.5" customHeight="1" thickBot="1">
      <c r="A283" s="268"/>
      <c r="B283" s="269"/>
      <c r="C283" s="272"/>
      <c r="D283" s="281"/>
      <c r="E283" s="281"/>
      <c r="F283" s="281"/>
      <c r="G283" s="281"/>
      <c r="H283" s="281"/>
      <c r="I283" s="281"/>
      <c r="J283" s="281"/>
      <c r="K283" s="281"/>
      <c r="L283" s="281"/>
      <c r="M283" s="281"/>
      <c r="N283" s="281"/>
      <c r="O283" s="281"/>
      <c r="P283" s="281"/>
      <c r="Q283" s="281"/>
      <c r="R283" s="281"/>
      <c r="S283" s="281"/>
      <c r="T283" s="281"/>
      <c r="U283" s="281"/>
      <c r="V283" s="281"/>
      <c r="W283" s="281"/>
      <c r="X283" s="281"/>
      <c r="Y283" s="281"/>
      <c r="Z283" s="281"/>
      <c r="AA283" s="281"/>
      <c r="AB283" s="281"/>
      <c r="AC283" s="281"/>
      <c r="AD283" s="281"/>
      <c r="AE283" s="281"/>
      <c r="AF283" s="281"/>
      <c r="AG283" s="281"/>
      <c r="AH283" s="281"/>
      <c r="AI283" s="281"/>
      <c r="AJ283" s="312"/>
      <c r="AK283" s="277"/>
      <c r="AL283" s="278"/>
    </row>
    <row r="284" spans="1:38" s="76" customFormat="1" ht="13.5" customHeight="1" thickTop="1">
      <c r="A284" s="125"/>
      <c r="B284" s="125"/>
      <c r="C284" s="272"/>
      <c r="D284" s="281"/>
      <c r="E284" s="281"/>
      <c r="F284" s="281"/>
      <c r="G284" s="281"/>
      <c r="H284" s="281"/>
      <c r="I284" s="281"/>
      <c r="J284" s="281"/>
      <c r="K284" s="281"/>
      <c r="L284" s="281"/>
      <c r="M284" s="281"/>
      <c r="N284" s="281"/>
      <c r="O284" s="281"/>
      <c r="P284" s="281"/>
      <c r="Q284" s="281"/>
      <c r="R284" s="281"/>
      <c r="S284" s="281"/>
      <c r="T284" s="281"/>
      <c r="U284" s="281"/>
      <c r="V284" s="281"/>
      <c r="W284" s="281"/>
      <c r="X284" s="281"/>
      <c r="Y284" s="281"/>
      <c r="Z284" s="281"/>
      <c r="AA284" s="281"/>
      <c r="AB284" s="281"/>
      <c r="AC284" s="281"/>
      <c r="AD284" s="281"/>
      <c r="AE284" s="281"/>
      <c r="AF284" s="281"/>
      <c r="AG284" s="281"/>
      <c r="AH284" s="281"/>
      <c r="AI284" s="281"/>
      <c r="AJ284" s="281"/>
      <c r="AK284" s="130"/>
      <c r="AL284" s="126"/>
    </row>
    <row r="285" spans="1:38" s="76" customFormat="1" ht="13.5" customHeight="1">
      <c r="A285" s="125"/>
      <c r="B285" s="125"/>
      <c r="C285" s="273"/>
      <c r="D285" s="274"/>
      <c r="E285" s="274"/>
      <c r="F285" s="274"/>
      <c r="G285" s="274"/>
      <c r="H285" s="274"/>
      <c r="I285" s="274"/>
      <c r="J285" s="274"/>
      <c r="K285" s="274"/>
      <c r="L285" s="274"/>
      <c r="M285" s="274"/>
      <c r="N285" s="274"/>
      <c r="O285" s="274"/>
      <c r="P285" s="274"/>
      <c r="Q285" s="274"/>
      <c r="R285" s="274"/>
      <c r="S285" s="274"/>
      <c r="T285" s="274"/>
      <c r="U285" s="274"/>
      <c r="V285" s="274"/>
      <c r="W285" s="274"/>
      <c r="X285" s="274"/>
      <c r="Y285" s="274"/>
      <c r="Z285" s="274"/>
      <c r="AA285" s="274"/>
      <c r="AB285" s="274"/>
      <c r="AC285" s="274"/>
      <c r="AD285" s="274"/>
      <c r="AE285" s="274"/>
      <c r="AF285" s="274"/>
      <c r="AG285" s="274"/>
      <c r="AH285" s="274"/>
      <c r="AI285" s="274"/>
      <c r="AJ285" s="274"/>
      <c r="AK285" s="132"/>
    </row>
    <row r="286" spans="1:38" s="76" customFormat="1" ht="10.5" customHeight="1">
      <c r="A286" s="125"/>
      <c r="B286" s="125"/>
      <c r="C286" s="133"/>
      <c r="D286" s="133"/>
      <c r="E286" s="133"/>
      <c r="F286" s="133"/>
      <c r="G286" s="133"/>
      <c r="H286" s="133"/>
      <c r="I286" s="133"/>
      <c r="J286" s="133"/>
      <c r="K286" s="133"/>
      <c r="L286" s="133"/>
      <c r="M286" s="133"/>
      <c r="N286" s="133"/>
      <c r="O286" s="133"/>
      <c r="P286" s="133"/>
      <c r="Q286" s="133"/>
      <c r="R286" s="133"/>
      <c r="S286" s="133"/>
      <c r="T286" s="133"/>
      <c r="U286" s="133"/>
      <c r="V286" s="133"/>
      <c r="W286" s="133"/>
      <c r="X286" s="133"/>
      <c r="Y286" s="133"/>
      <c r="Z286" s="133"/>
      <c r="AA286" s="133"/>
      <c r="AB286" s="133"/>
      <c r="AC286" s="133"/>
      <c r="AD286" s="133"/>
      <c r="AE286" s="133"/>
      <c r="AF286" s="133"/>
      <c r="AG286" s="133"/>
      <c r="AH286" s="133"/>
      <c r="AI286" s="133"/>
      <c r="AJ286" s="133"/>
      <c r="AK286" s="96"/>
    </row>
    <row r="287" spans="1:38" s="76" customFormat="1" ht="13.5" customHeight="1">
      <c r="A287" s="127" t="s">
        <v>80</v>
      </c>
    </row>
    <row r="288" spans="1:38" s="76" customFormat="1" ht="13.5" customHeight="1" thickBot="1">
      <c r="A288" s="129" t="s">
        <v>476</v>
      </c>
    </row>
    <row r="289" spans="1:38" s="76" customFormat="1" ht="13.5" customHeight="1" thickTop="1">
      <c r="A289" s="266">
        <v>24</v>
      </c>
      <c r="B289" s="302"/>
      <c r="C289" s="270" t="s">
        <v>501</v>
      </c>
      <c r="D289" s="271"/>
      <c r="E289" s="271"/>
      <c r="F289" s="271"/>
      <c r="G289" s="271"/>
      <c r="H289" s="271"/>
      <c r="I289" s="271"/>
      <c r="J289" s="271"/>
      <c r="K289" s="271"/>
      <c r="L289" s="271"/>
      <c r="M289" s="271"/>
      <c r="N289" s="271"/>
      <c r="O289" s="271"/>
      <c r="P289" s="271"/>
      <c r="Q289" s="271"/>
      <c r="R289" s="271"/>
      <c r="S289" s="271"/>
      <c r="T289" s="271"/>
      <c r="U289" s="271"/>
      <c r="V289" s="271"/>
      <c r="W289" s="271"/>
      <c r="X289" s="271"/>
      <c r="Y289" s="271"/>
      <c r="Z289" s="271"/>
      <c r="AA289" s="271"/>
      <c r="AB289" s="271"/>
      <c r="AC289" s="271"/>
      <c r="AD289" s="271"/>
      <c r="AE289" s="271"/>
      <c r="AF289" s="271"/>
      <c r="AG289" s="271"/>
      <c r="AH289" s="271"/>
      <c r="AI289" s="271"/>
      <c r="AJ289" s="271"/>
      <c r="AK289" s="275"/>
      <c r="AL289" s="276"/>
    </row>
    <row r="290" spans="1:38" s="76" customFormat="1" ht="13.5" customHeight="1" thickBot="1">
      <c r="A290" s="268"/>
      <c r="B290" s="303"/>
      <c r="C290" s="272"/>
      <c r="D290" s="281"/>
      <c r="E290" s="281"/>
      <c r="F290" s="281"/>
      <c r="G290" s="281"/>
      <c r="H290" s="281"/>
      <c r="I290" s="281"/>
      <c r="J290" s="281"/>
      <c r="K290" s="281"/>
      <c r="L290" s="281"/>
      <c r="M290" s="281"/>
      <c r="N290" s="281"/>
      <c r="O290" s="281"/>
      <c r="P290" s="281"/>
      <c r="Q290" s="281"/>
      <c r="R290" s="281"/>
      <c r="S290" s="281"/>
      <c r="T290" s="281"/>
      <c r="U290" s="281"/>
      <c r="V290" s="281"/>
      <c r="W290" s="281"/>
      <c r="X290" s="281"/>
      <c r="Y290" s="281"/>
      <c r="Z290" s="281"/>
      <c r="AA290" s="281"/>
      <c r="AB290" s="281"/>
      <c r="AC290" s="281"/>
      <c r="AD290" s="281"/>
      <c r="AE290" s="281"/>
      <c r="AF290" s="281"/>
      <c r="AG290" s="281"/>
      <c r="AH290" s="281"/>
      <c r="AI290" s="281"/>
      <c r="AJ290" s="281"/>
      <c r="AK290" s="277"/>
      <c r="AL290" s="278"/>
    </row>
    <row r="291" spans="1:38" s="76" customFormat="1" ht="13.5" customHeight="1" thickTop="1">
      <c r="A291" s="125"/>
      <c r="B291" s="125"/>
      <c r="C291" s="272"/>
      <c r="D291" s="281"/>
      <c r="E291" s="281"/>
      <c r="F291" s="281"/>
      <c r="G291" s="281"/>
      <c r="H291" s="281"/>
      <c r="I291" s="281"/>
      <c r="J291" s="281"/>
      <c r="K291" s="281"/>
      <c r="L291" s="281"/>
      <c r="M291" s="281"/>
      <c r="N291" s="281"/>
      <c r="O291" s="281"/>
      <c r="P291" s="281"/>
      <c r="Q291" s="281"/>
      <c r="R291" s="281"/>
      <c r="S291" s="281"/>
      <c r="T291" s="281"/>
      <c r="U291" s="281"/>
      <c r="V291" s="281"/>
      <c r="W291" s="281"/>
      <c r="X291" s="281"/>
      <c r="Y291" s="281"/>
      <c r="Z291" s="281"/>
      <c r="AA291" s="281"/>
      <c r="AB291" s="281"/>
      <c r="AC291" s="281"/>
      <c r="AD291" s="281"/>
      <c r="AE291" s="281"/>
      <c r="AF291" s="281"/>
      <c r="AG291" s="281"/>
      <c r="AH291" s="281"/>
      <c r="AI291" s="281"/>
      <c r="AJ291" s="439"/>
      <c r="AK291" s="162"/>
      <c r="AL291" s="126"/>
    </row>
    <row r="292" spans="1:38" s="76" customFormat="1" ht="13.5" customHeight="1">
      <c r="A292" s="125"/>
      <c r="B292" s="125"/>
      <c r="C292" s="272"/>
      <c r="D292" s="281"/>
      <c r="E292" s="281"/>
      <c r="F292" s="281"/>
      <c r="G292" s="281"/>
      <c r="H292" s="281"/>
      <c r="I292" s="281"/>
      <c r="J292" s="281"/>
      <c r="K292" s="281"/>
      <c r="L292" s="281"/>
      <c r="M292" s="281"/>
      <c r="N292" s="281"/>
      <c r="O292" s="281"/>
      <c r="P292" s="281"/>
      <c r="Q292" s="281"/>
      <c r="R292" s="281"/>
      <c r="S292" s="281"/>
      <c r="T292" s="281"/>
      <c r="U292" s="281"/>
      <c r="V292" s="281"/>
      <c r="W292" s="281"/>
      <c r="X292" s="281"/>
      <c r="Y292" s="281"/>
      <c r="Z292" s="281"/>
      <c r="AA292" s="281"/>
      <c r="AB292" s="281"/>
      <c r="AC292" s="281"/>
      <c r="AD292" s="281"/>
      <c r="AE292" s="281"/>
      <c r="AF292" s="281"/>
      <c r="AG292" s="281"/>
      <c r="AH292" s="281"/>
      <c r="AI292" s="281"/>
      <c r="AJ292" s="439"/>
      <c r="AK292" s="126"/>
      <c r="AL292" s="126"/>
    </row>
    <row r="293" spans="1:38" s="76" customFormat="1" ht="13.5" customHeight="1">
      <c r="C293" s="272"/>
      <c r="D293" s="281"/>
      <c r="E293" s="281"/>
      <c r="F293" s="281"/>
      <c r="G293" s="281"/>
      <c r="H293" s="281"/>
      <c r="I293" s="281"/>
      <c r="J293" s="281"/>
      <c r="K293" s="281"/>
      <c r="L293" s="281"/>
      <c r="M293" s="281"/>
      <c r="N293" s="281"/>
      <c r="O293" s="281"/>
      <c r="P293" s="281"/>
      <c r="Q293" s="281"/>
      <c r="R293" s="281"/>
      <c r="S293" s="281"/>
      <c r="T293" s="281"/>
      <c r="U293" s="281"/>
      <c r="V293" s="281"/>
      <c r="W293" s="281"/>
      <c r="X293" s="281"/>
      <c r="Y293" s="281"/>
      <c r="Z293" s="281"/>
      <c r="AA293" s="281"/>
      <c r="AB293" s="281"/>
      <c r="AC293" s="281"/>
      <c r="AD293" s="281"/>
      <c r="AE293" s="281"/>
      <c r="AF293" s="281"/>
      <c r="AG293" s="281"/>
      <c r="AH293" s="281"/>
      <c r="AI293" s="281"/>
      <c r="AJ293" s="439"/>
    </row>
    <row r="294" spans="1:38" s="76" customFormat="1" ht="13.5" customHeight="1">
      <c r="C294" s="272"/>
      <c r="D294" s="281"/>
      <c r="E294" s="281"/>
      <c r="F294" s="281"/>
      <c r="G294" s="281"/>
      <c r="H294" s="281"/>
      <c r="I294" s="281"/>
      <c r="J294" s="281"/>
      <c r="K294" s="281"/>
      <c r="L294" s="281"/>
      <c r="M294" s="281"/>
      <c r="N294" s="281"/>
      <c r="O294" s="281"/>
      <c r="P294" s="281"/>
      <c r="Q294" s="281"/>
      <c r="R294" s="281"/>
      <c r="S294" s="281"/>
      <c r="T294" s="281"/>
      <c r="U294" s="281"/>
      <c r="V294" s="281"/>
      <c r="W294" s="281"/>
      <c r="X294" s="281"/>
      <c r="Y294" s="281"/>
      <c r="Z294" s="281"/>
      <c r="AA294" s="281"/>
      <c r="AB294" s="281"/>
      <c r="AC294" s="281"/>
      <c r="AD294" s="281"/>
      <c r="AE294" s="281"/>
      <c r="AF294" s="281"/>
      <c r="AG294" s="281"/>
      <c r="AH294" s="281"/>
      <c r="AI294" s="281"/>
      <c r="AJ294" s="439"/>
    </row>
    <row r="295" spans="1:38" s="76" customFormat="1" ht="13.5" customHeight="1">
      <c r="C295" s="272"/>
      <c r="D295" s="281"/>
      <c r="E295" s="281"/>
      <c r="F295" s="281"/>
      <c r="G295" s="281"/>
      <c r="H295" s="281"/>
      <c r="I295" s="281"/>
      <c r="J295" s="281"/>
      <c r="K295" s="281"/>
      <c r="L295" s="281"/>
      <c r="M295" s="281"/>
      <c r="N295" s="281"/>
      <c r="O295" s="281"/>
      <c r="P295" s="281"/>
      <c r="Q295" s="281"/>
      <c r="R295" s="281"/>
      <c r="S295" s="281"/>
      <c r="T295" s="281"/>
      <c r="U295" s="281"/>
      <c r="V295" s="281"/>
      <c r="W295" s="281"/>
      <c r="X295" s="281"/>
      <c r="Y295" s="281"/>
      <c r="Z295" s="281"/>
      <c r="AA295" s="281"/>
      <c r="AB295" s="281"/>
      <c r="AC295" s="281"/>
      <c r="AD295" s="281"/>
      <c r="AE295" s="281"/>
      <c r="AF295" s="281"/>
      <c r="AG295" s="281"/>
      <c r="AH295" s="281"/>
      <c r="AI295" s="281"/>
      <c r="AJ295" s="439"/>
    </row>
    <row r="296" spans="1:38" s="76" customFormat="1" ht="13">
      <c r="C296" s="273"/>
      <c r="D296" s="274"/>
      <c r="E296" s="274"/>
      <c r="F296" s="274"/>
      <c r="G296" s="274"/>
      <c r="H296" s="274"/>
      <c r="I296" s="274"/>
      <c r="J296" s="274"/>
      <c r="K296" s="274"/>
      <c r="L296" s="274"/>
      <c r="M296" s="274"/>
      <c r="N296" s="274"/>
      <c r="O296" s="274"/>
      <c r="P296" s="274"/>
      <c r="Q296" s="274"/>
      <c r="R296" s="274"/>
      <c r="S296" s="274"/>
      <c r="T296" s="274"/>
      <c r="U296" s="274"/>
      <c r="V296" s="274"/>
      <c r="W296" s="274"/>
      <c r="X296" s="274"/>
      <c r="Y296" s="274"/>
      <c r="Z296" s="274"/>
      <c r="AA296" s="274"/>
      <c r="AB296" s="274"/>
      <c r="AC296" s="274"/>
      <c r="AD296" s="274"/>
      <c r="AE296" s="274"/>
      <c r="AF296" s="274"/>
      <c r="AG296" s="274"/>
      <c r="AH296" s="274"/>
      <c r="AI296" s="274"/>
      <c r="AJ296" s="314"/>
    </row>
    <row r="297" spans="1:38" s="76" customFormat="1" ht="11.15" customHeight="1" thickBot="1"/>
    <row r="298" spans="1:38" s="76" customFormat="1" ht="13.5" customHeight="1" thickTop="1">
      <c r="A298" s="266">
        <v>25</v>
      </c>
      <c r="B298" s="302"/>
      <c r="C298" s="248" t="s">
        <v>502</v>
      </c>
      <c r="D298" s="249"/>
      <c r="E298" s="249"/>
      <c r="F298" s="249"/>
      <c r="G298" s="249"/>
      <c r="H298" s="249"/>
      <c r="I298" s="249"/>
      <c r="J298" s="249"/>
      <c r="K298" s="249"/>
      <c r="L298" s="249"/>
      <c r="M298" s="249"/>
      <c r="N298" s="249"/>
      <c r="O298" s="249"/>
      <c r="P298" s="249"/>
      <c r="Q298" s="249"/>
      <c r="R298" s="249"/>
      <c r="S298" s="249"/>
      <c r="T298" s="249"/>
      <c r="U298" s="249"/>
      <c r="V298" s="249"/>
      <c r="W298" s="249"/>
      <c r="X298" s="249"/>
      <c r="Y298" s="249"/>
      <c r="Z298" s="249"/>
      <c r="AA298" s="249"/>
      <c r="AB298" s="249"/>
      <c r="AC298" s="249"/>
      <c r="AD298" s="249"/>
      <c r="AE298" s="249"/>
      <c r="AF298" s="249"/>
      <c r="AG298" s="249"/>
      <c r="AH298" s="249"/>
      <c r="AI298" s="249"/>
      <c r="AJ298" s="249"/>
      <c r="AK298" s="275"/>
      <c r="AL298" s="276"/>
    </row>
    <row r="299" spans="1:38" s="76" customFormat="1" ht="13.5" customHeight="1" thickBot="1">
      <c r="A299" s="268"/>
      <c r="B299" s="303"/>
      <c r="C299" s="250"/>
      <c r="D299" s="251"/>
      <c r="E299" s="251"/>
      <c r="F299" s="251"/>
      <c r="G299" s="251"/>
      <c r="H299" s="251"/>
      <c r="I299" s="251"/>
      <c r="J299" s="251"/>
      <c r="K299" s="251"/>
      <c r="L299" s="251"/>
      <c r="M299" s="251"/>
      <c r="N299" s="251"/>
      <c r="O299" s="251"/>
      <c r="P299" s="251"/>
      <c r="Q299" s="251"/>
      <c r="R299" s="251"/>
      <c r="S299" s="251"/>
      <c r="T299" s="251"/>
      <c r="U299" s="251"/>
      <c r="V299" s="251"/>
      <c r="W299" s="251"/>
      <c r="X299" s="251"/>
      <c r="Y299" s="251"/>
      <c r="Z299" s="251"/>
      <c r="AA299" s="251"/>
      <c r="AB299" s="251"/>
      <c r="AC299" s="251"/>
      <c r="AD299" s="251"/>
      <c r="AE299" s="251"/>
      <c r="AF299" s="251"/>
      <c r="AG299" s="251"/>
      <c r="AH299" s="251"/>
      <c r="AI299" s="251"/>
      <c r="AJ299" s="251"/>
      <c r="AK299" s="277"/>
      <c r="AL299" s="278"/>
    </row>
    <row r="300" spans="1:38" s="76" customFormat="1" ht="13.5" customHeight="1" thickTop="1">
      <c r="A300" s="125"/>
      <c r="B300" s="125"/>
      <c r="C300" s="252"/>
      <c r="D300" s="253"/>
      <c r="E300" s="253"/>
      <c r="F300" s="253"/>
      <c r="G300" s="253"/>
      <c r="H300" s="253"/>
      <c r="I300" s="253"/>
      <c r="J300" s="253"/>
      <c r="K300" s="253"/>
      <c r="L300" s="253"/>
      <c r="M300" s="253"/>
      <c r="N300" s="253"/>
      <c r="O300" s="253"/>
      <c r="P300" s="253"/>
      <c r="Q300" s="253"/>
      <c r="R300" s="253"/>
      <c r="S300" s="253"/>
      <c r="T300" s="253"/>
      <c r="U300" s="253"/>
      <c r="V300" s="253"/>
      <c r="W300" s="253"/>
      <c r="X300" s="253"/>
      <c r="Y300" s="253"/>
      <c r="Z300" s="253"/>
      <c r="AA300" s="253"/>
      <c r="AB300" s="253"/>
      <c r="AC300" s="253"/>
      <c r="AD300" s="253"/>
      <c r="AE300" s="253"/>
      <c r="AF300" s="253"/>
      <c r="AG300" s="253"/>
      <c r="AH300" s="253"/>
      <c r="AI300" s="253"/>
      <c r="AJ300" s="254"/>
      <c r="AK300" s="126"/>
      <c r="AL300" s="126"/>
    </row>
    <row r="301" spans="1:38" s="76" customFormat="1" ht="11.5" customHeight="1">
      <c r="A301" s="125"/>
      <c r="B301" s="125"/>
      <c r="C301" s="133"/>
      <c r="D301" s="133"/>
      <c r="E301" s="133"/>
      <c r="F301" s="133"/>
      <c r="G301" s="133"/>
      <c r="H301" s="133"/>
      <c r="I301" s="133"/>
      <c r="J301" s="133"/>
      <c r="K301" s="133"/>
      <c r="L301" s="133"/>
      <c r="M301" s="133"/>
      <c r="N301" s="133"/>
      <c r="O301" s="133"/>
      <c r="P301" s="133"/>
      <c r="Q301" s="133"/>
      <c r="R301" s="133"/>
      <c r="S301" s="133"/>
      <c r="T301" s="133"/>
      <c r="U301" s="133"/>
      <c r="V301" s="133"/>
      <c r="W301" s="133"/>
      <c r="X301" s="133"/>
      <c r="Y301" s="133"/>
      <c r="Z301" s="133"/>
      <c r="AA301" s="133"/>
      <c r="AB301" s="133"/>
      <c r="AC301" s="133"/>
      <c r="AD301" s="133"/>
      <c r="AE301" s="133"/>
      <c r="AF301" s="133"/>
      <c r="AG301" s="133"/>
      <c r="AH301" s="133"/>
      <c r="AI301" s="133"/>
      <c r="AJ301" s="133"/>
      <c r="AK301" s="126"/>
      <c r="AL301" s="126"/>
    </row>
    <row r="302" spans="1:38" s="76" customFormat="1" ht="13.5" customHeight="1">
      <c r="A302" s="127" t="s">
        <v>82</v>
      </c>
    </row>
    <row r="303" spans="1:38" s="76" customFormat="1" ht="13.5" customHeight="1" thickBot="1">
      <c r="A303" s="129" t="s">
        <v>477</v>
      </c>
    </row>
    <row r="304" spans="1:38" s="76" customFormat="1" ht="13.5" customHeight="1" thickTop="1">
      <c r="A304" s="266">
        <v>26</v>
      </c>
      <c r="B304" s="302"/>
      <c r="C304" s="270" t="s">
        <v>503</v>
      </c>
      <c r="D304" s="271"/>
      <c r="E304" s="271"/>
      <c r="F304" s="271"/>
      <c r="G304" s="271"/>
      <c r="H304" s="271"/>
      <c r="I304" s="271"/>
      <c r="J304" s="271"/>
      <c r="K304" s="271"/>
      <c r="L304" s="271"/>
      <c r="M304" s="271"/>
      <c r="N304" s="271"/>
      <c r="O304" s="271"/>
      <c r="P304" s="271"/>
      <c r="Q304" s="271"/>
      <c r="R304" s="271"/>
      <c r="S304" s="271"/>
      <c r="T304" s="271"/>
      <c r="U304" s="271"/>
      <c r="V304" s="271"/>
      <c r="W304" s="271"/>
      <c r="X304" s="271"/>
      <c r="Y304" s="271"/>
      <c r="Z304" s="271"/>
      <c r="AA304" s="271"/>
      <c r="AB304" s="271"/>
      <c r="AC304" s="271"/>
      <c r="AD304" s="271"/>
      <c r="AE304" s="271"/>
      <c r="AF304" s="271"/>
      <c r="AG304" s="271"/>
      <c r="AH304" s="271"/>
      <c r="AI304" s="271"/>
      <c r="AJ304" s="271"/>
      <c r="AK304" s="275"/>
      <c r="AL304" s="276"/>
    </row>
    <row r="305" spans="1:38" s="76" customFormat="1" ht="13.5" customHeight="1" thickBot="1">
      <c r="A305" s="268"/>
      <c r="B305" s="303"/>
      <c r="C305" s="273"/>
      <c r="D305" s="274"/>
      <c r="E305" s="274"/>
      <c r="F305" s="274"/>
      <c r="G305" s="274"/>
      <c r="H305" s="274"/>
      <c r="I305" s="274"/>
      <c r="J305" s="274"/>
      <c r="K305" s="274"/>
      <c r="L305" s="274"/>
      <c r="M305" s="274"/>
      <c r="N305" s="274"/>
      <c r="O305" s="274"/>
      <c r="P305" s="274"/>
      <c r="Q305" s="274"/>
      <c r="R305" s="274"/>
      <c r="S305" s="274"/>
      <c r="T305" s="274"/>
      <c r="U305" s="274"/>
      <c r="V305" s="274"/>
      <c r="W305" s="274"/>
      <c r="X305" s="274"/>
      <c r="Y305" s="274"/>
      <c r="Z305" s="274"/>
      <c r="AA305" s="274"/>
      <c r="AB305" s="274"/>
      <c r="AC305" s="274"/>
      <c r="AD305" s="274"/>
      <c r="AE305" s="274"/>
      <c r="AF305" s="274"/>
      <c r="AG305" s="274"/>
      <c r="AH305" s="274"/>
      <c r="AI305" s="274"/>
      <c r="AJ305" s="274"/>
      <c r="AK305" s="277"/>
      <c r="AL305" s="278"/>
    </row>
    <row r="306" spans="1:38" s="76" customFormat="1" ht="13.5" customHeight="1" thickTop="1">
      <c r="A306" s="125"/>
      <c r="B306" s="125"/>
      <c r="C306" s="133"/>
      <c r="D306" s="133"/>
      <c r="E306" s="133"/>
      <c r="F306" s="133"/>
      <c r="G306" s="133"/>
      <c r="H306" s="133"/>
      <c r="I306" s="133"/>
      <c r="J306" s="133"/>
      <c r="K306" s="133"/>
      <c r="L306" s="133"/>
      <c r="M306" s="133"/>
      <c r="N306" s="133"/>
      <c r="O306" s="133"/>
      <c r="P306" s="133"/>
      <c r="Q306" s="133"/>
      <c r="R306" s="133"/>
      <c r="S306" s="133"/>
      <c r="T306" s="133"/>
      <c r="U306" s="133"/>
      <c r="V306" s="133"/>
      <c r="W306" s="133"/>
      <c r="X306" s="133"/>
      <c r="Y306" s="133"/>
      <c r="Z306" s="133"/>
      <c r="AA306" s="133"/>
      <c r="AB306" s="133"/>
      <c r="AC306" s="133"/>
      <c r="AD306" s="133"/>
      <c r="AE306" s="133"/>
      <c r="AF306" s="133"/>
      <c r="AG306" s="133"/>
      <c r="AH306" s="133"/>
      <c r="AI306" s="133"/>
      <c r="AJ306" s="133"/>
      <c r="AK306" s="126"/>
      <c r="AL306" s="126"/>
    </row>
    <row r="307" spans="1:38" s="76" customFormat="1" ht="13.5" customHeight="1">
      <c r="A307" s="125"/>
      <c r="B307" s="125"/>
      <c r="C307" s="76" t="s">
        <v>83</v>
      </c>
      <c r="D307" s="133"/>
      <c r="E307" s="133"/>
      <c r="F307" s="133"/>
      <c r="G307" s="133"/>
      <c r="H307" s="133"/>
      <c r="I307" s="133"/>
      <c r="J307" s="133"/>
      <c r="K307" s="133"/>
      <c r="L307" s="133"/>
      <c r="M307" s="133"/>
      <c r="N307" s="133"/>
      <c r="O307" s="133"/>
      <c r="P307" s="133"/>
      <c r="Q307" s="133"/>
      <c r="R307" s="133"/>
      <c r="S307" s="133"/>
      <c r="T307" s="133"/>
      <c r="U307" s="133"/>
      <c r="V307" s="133"/>
      <c r="W307" s="133"/>
      <c r="X307" s="133"/>
      <c r="Y307" s="133"/>
      <c r="Z307" s="133"/>
      <c r="AA307" s="133"/>
      <c r="AB307" s="133"/>
      <c r="AC307" s="133"/>
      <c r="AD307" s="133"/>
      <c r="AE307" s="133"/>
      <c r="AF307" s="133"/>
      <c r="AG307" s="133"/>
      <c r="AH307" s="133"/>
      <c r="AI307" s="133"/>
      <c r="AJ307" s="133"/>
      <c r="AK307" s="126"/>
      <c r="AL307" s="126"/>
    </row>
    <row r="308" spans="1:38" s="76" customFormat="1" ht="12.65" customHeight="1">
      <c r="A308" s="125"/>
      <c r="B308" s="125"/>
      <c r="C308" s="285" t="s">
        <v>84</v>
      </c>
      <c r="D308" s="286"/>
      <c r="E308" s="286"/>
      <c r="F308" s="286"/>
      <c r="G308" s="286"/>
      <c r="H308" s="286"/>
      <c r="I308" s="286"/>
      <c r="J308" s="286"/>
      <c r="K308" s="286"/>
      <c r="L308" s="286"/>
      <c r="M308" s="286"/>
      <c r="N308" s="286"/>
      <c r="O308" s="286"/>
      <c r="P308" s="286"/>
      <c r="Q308" s="286"/>
      <c r="R308" s="286"/>
      <c r="S308" s="286"/>
      <c r="T308" s="286"/>
      <c r="U308" s="286"/>
      <c r="V308" s="286"/>
      <c r="W308" s="286"/>
      <c r="X308" s="286"/>
      <c r="Y308" s="286"/>
      <c r="Z308" s="286"/>
      <c r="AA308" s="286"/>
      <c r="AB308" s="286"/>
      <c r="AC308" s="286"/>
      <c r="AD308" s="286"/>
      <c r="AE308" s="287"/>
      <c r="AF308" s="424" t="s">
        <v>54</v>
      </c>
      <c r="AG308" s="425"/>
      <c r="AH308" s="463"/>
      <c r="AI308" s="417" t="s">
        <v>85</v>
      </c>
      <c r="AJ308" s="465"/>
      <c r="AK308" s="126"/>
      <c r="AL308" s="126"/>
    </row>
    <row r="309" spans="1:38" s="76" customFormat="1" ht="12.65" customHeight="1">
      <c r="A309" s="125"/>
      <c r="B309" s="125"/>
      <c r="C309" s="288"/>
      <c r="D309" s="289"/>
      <c r="E309" s="289"/>
      <c r="F309" s="289"/>
      <c r="G309" s="289"/>
      <c r="H309" s="289"/>
      <c r="I309" s="289"/>
      <c r="J309" s="289"/>
      <c r="K309" s="289"/>
      <c r="L309" s="289"/>
      <c r="M309" s="289"/>
      <c r="N309" s="289"/>
      <c r="O309" s="289"/>
      <c r="P309" s="289"/>
      <c r="Q309" s="289"/>
      <c r="R309" s="289"/>
      <c r="S309" s="289"/>
      <c r="T309" s="289"/>
      <c r="U309" s="289"/>
      <c r="V309" s="289"/>
      <c r="W309" s="289"/>
      <c r="X309" s="289"/>
      <c r="Y309" s="289"/>
      <c r="Z309" s="289"/>
      <c r="AA309" s="289"/>
      <c r="AB309" s="289"/>
      <c r="AC309" s="289"/>
      <c r="AD309" s="289"/>
      <c r="AE309" s="290"/>
      <c r="AF309" s="424"/>
      <c r="AG309" s="427"/>
      <c r="AH309" s="464"/>
      <c r="AI309" s="417"/>
      <c r="AJ309" s="465"/>
      <c r="AK309" s="126"/>
      <c r="AL309" s="126"/>
    </row>
    <row r="310" spans="1:38" s="76" customFormat="1" ht="12.65" customHeight="1">
      <c r="A310" s="125"/>
      <c r="B310" s="125"/>
      <c r="C310" s="285" t="s">
        <v>86</v>
      </c>
      <c r="D310" s="286"/>
      <c r="E310" s="286"/>
      <c r="F310" s="286"/>
      <c r="G310" s="286"/>
      <c r="H310" s="286"/>
      <c r="I310" s="286"/>
      <c r="J310" s="286"/>
      <c r="K310" s="286"/>
      <c r="L310" s="286"/>
      <c r="M310" s="286"/>
      <c r="N310" s="286"/>
      <c r="O310" s="286"/>
      <c r="P310" s="286"/>
      <c r="Q310" s="286"/>
      <c r="R310" s="286"/>
      <c r="S310" s="286"/>
      <c r="T310" s="286"/>
      <c r="U310" s="286"/>
      <c r="V310" s="286"/>
      <c r="W310" s="286"/>
      <c r="X310" s="286"/>
      <c r="Y310" s="286"/>
      <c r="Z310" s="286"/>
      <c r="AA310" s="286"/>
      <c r="AB310" s="286"/>
      <c r="AC310" s="286"/>
      <c r="AD310" s="286"/>
      <c r="AE310" s="287"/>
      <c r="AF310" s="424" t="s">
        <v>54</v>
      </c>
      <c r="AG310" s="425"/>
      <c r="AH310" s="463"/>
      <c r="AI310" s="417" t="s">
        <v>85</v>
      </c>
      <c r="AJ310" s="465"/>
      <c r="AK310" s="126"/>
      <c r="AL310" s="126"/>
    </row>
    <row r="311" spans="1:38" s="76" customFormat="1" ht="12.65" customHeight="1">
      <c r="A311" s="125"/>
      <c r="B311" s="125"/>
      <c r="C311" s="288"/>
      <c r="D311" s="289"/>
      <c r="E311" s="289"/>
      <c r="F311" s="289"/>
      <c r="G311" s="289"/>
      <c r="H311" s="289"/>
      <c r="I311" s="289"/>
      <c r="J311" s="289"/>
      <c r="K311" s="289"/>
      <c r="L311" s="289"/>
      <c r="M311" s="289"/>
      <c r="N311" s="289"/>
      <c r="O311" s="289"/>
      <c r="P311" s="289"/>
      <c r="Q311" s="289"/>
      <c r="R311" s="289"/>
      <c r="S311" s="289"/>
      <c r="T311" s="289"/>
      <c r="U311" s="289"/>
      <c r="V311" s="289"/>
      <c r="W311" s="289"/>
      <c r="X311" s="289"/>
      <c r="Y311" s="289"/>
      <c r="Z311" s="289"/>
      <c r="AA311" s="289"/>
      <c r="AB311" s="289"/>
      <c r="AC311" s="289"/>
      <c r="AD311" s="289"/>
      <c r="AE311" s="290"/>
      <c r="AF311" s="424"/>
      <c r="AG311" s="427"/>
      <c r="AH311" s="464"/>
      <c r="AI311" s="417"/>
      <c r="AJ311" s="465"/>
      <c r="AK311" s="126"/>
      <c r="AL311" s="126"/>
    </row>
    <row r="312" spans="1:38" s="76" customFormat="1" ht="12.65" customHeight="1">
      <c r="A312" s="125"/>
      <c r="B312" s="125"/>
      <c r="C312" s="285" t="s">
        <v>87</v>
      </c>
      <c r="D312" s="286"/>
      <c r="E312" s="286"/>
      <c r="F312" s="286"/>
      <c r="G312" s="286"/>
      <c r="H312" s="286"/>
      <c r="I312" s="286"/>
      <c r="J312" s="286"/>
      <c r="K312" s="286"/>
      <c r="L312" s="286"/>
      <c r="M312" s="286"/>
      <c r="N312" s="286"/>
      <c r="O312" s="286"/>
      <c r="P312" s="286"/>
      <c r="Q312" s="286"/>
      <c r="R312" s="286"/>
      <c r="S312" s="286"/>
      <c r="T312" s="286"/>
      <c r="U312" s="286"/>
      <c r="V312" s="286"/>
      <c r="W312" s="286"/>
      <c r="X312" s="286"/>
      <c r="Y312" s="286"/>
      <c r="Z312" s="286"/>
      <c r="AA312" s="286"/>
      <c r="AB312" s="286"/>
      <c r="AC312" s="286"/>
      <c r="AD312" s="286"/>
      <c r="AE312" s="287"/>
      <c r="AF312" s="424" t="s">
        <v>54</v>
      </c>
      <c r="AG312" s="451"/>
      <c r="AH312" s="452"/>
      <c r="AI312" s="455" t="s">
        <v>85</v>
      </c>
      <c r="AJ312" s="456"/>
      <c r="AK312" s="126"/>
      <c r="AL312" s="126"/>
    </row>
    <row r="313" spans="1:38" s="76" customFormat="1" ht="12.65" customHeight="1">
      <c r="A313" s="125"/>
      <c r="B313" s="125"/>
      <c r="C313" s="288"/>
      <c r="D313" s="289"/>
      <c r="E313" s="289"/>
      <c r="F313" s="289"/>
      <c r="G313" s="289"/>
      <c r="H313" s="289"/>
      <c r="I313" s="289"/>
      <c r="J313" s="289"/>
      <c r="K313" s="289"/>
      <c r="L313" s="289"/>
      <c r="M313" s="289"/>
      <c r="N313" s="289"/>
      <c r="O313" s="289"/>
      <c r="P313" s="289"/>
      <c r="Q313" s="289"/>
      <c r="R313" s="289"/>
      <c r="S313" s="289"/>
      <c r="T313" s="289"/>
      <c r="U313" s="289"/>
      <c r="V313" s="289"/>
      <c r="W313" s="289"/>
      <c r="X313" s="289"/>
      <c r="Y313" s="289"/>
      <c r="Z313" s="289"/>
      <c r="AA313" s="289"/>
      <c r="AB313" s="289"/>
      <c r="AC313" s="289"/>
      <c r="AD313" s="289"/>
      <c r="AE313" s="290"/>
      <c r="AF313" s="424"/>
      <c r="AG313" s="453"/>
      <c r="AH313" s="454"/>
      <c r="AI313" s="455"/>
      <c r="AJ313" s="456"/>
      <c r="AK313" s="126"/>
      <c r="AL313" s="126"/>
    </row>
    <row r="314" spans="1:38" s="76" customFormat="1" ht="12.65" customHeight="1">
      <c r="A314" s="125"/>
      <c r="B314" s="125"/>
      <c r="C314" s="457" t="s">
        <v>88</v>
      </c>
      <c r="D314" s="458"/>
      <c r="E314" s="458"/>
      <c r="F314" s="458"/>
      <c r="G314" s="458"/>
      <c r="H314" s="458"/>
      <c r="I314" s="458"/>
      <c r="J314" s="458"/>
      <c r="K314" s="458"/>
      <c r="L314" s="458"/>
      <c r="M314" s="458"/>
      <c r="N314" s="458"/>
      <c r="O314" s="458"/>
      <c r="P314" s="458"/>
      <c r="Q314" s="458"/>
      <c r="R314" s="458"/>
      <c r="S314" s="458"/>
      <c r="T314" s="458"/>
      <c r="U314" s="458"/>
      <c r="V314" s="458"/>
      <c r="W314" s="458"/>
      <c r="X314" s="458"/>
      <c r="Y314" s="458"/>
      <c r="Z314" s="458"/>
      <c r="AA314" s="458"/>
      <c r="AB314" s="458"/>
      <c r="AC314" s="458"/>
      <c r="AD314" s="458"/>
      <c r="AE314" s="459"/>
      <c r="AF314" s="424" t="s">
        <v>54</v>
      </c>
      <c r="AG314" s="425"/>
      <c r="AH314" s="463"/>
      <c r="AI314" s="417" t="s">
        <v>85</v>
      </c>
      <c r="AJ314" s="465"/>
      <c r="AK314" s="126"/>
      <c r="AL314" s="126"/>
    </row>
    <row r="315" spans="1:38" s="76" customFormat="1" ht="12.65" customHeight="1">
      <c r="A315" s="125"/>
      <c r="B315" s="125"/>
      <c r="C315" s="460"/>
      <c r="D315" s="461"/>
      <c r="E315" s="461"/>
      <c r="F315" s="461"/>
      <c r="G315" s="461"/>
      <c r="H315" s="461"/>
      <c r="I315" s="461"/>
      <c r="J315" s="461"/>
      <c r="K315" s="461"/>
      <c r="L315" s="461"/>
      <c r="M315" s="461"/>
      <c r="N315" s="461"/>
      <c r="O315" s="461"/>
      <c r="P315" s="461"/>
      <c r="Q315" s="461"/>
      <c r="R315" s="461"/>
      <c r="S315" s="461"/>
      <c r="T315" s="461"/>
      <c r="U315" s="461"/>
      <c r="V315" s="461"/>
      <c r="W315" s="461"/>
      <c r="X315" s="461"/>
      <c r="Y315" s="461"/>
      <c r="Z315" s="461"/>
      <c r="AA315" s="461"/>
      <c r="AB315" s="461"/>
      <c r="AC315" s="461"/>
      <c r="AD315" s="461"/>
      <c r="AE315" s="462"/>
      <c r="AF315" s="424"/>
      <c r="AG315" s="427"/>
      <c r="AH315" s="464"/>
      <c r="AI315" s="417"/>
      <c r="AJ315" s="465"/>
      <c r="AK315" s="126"/>
      <c r="AL315" s="126"/>
    </row>
    <row r="316" spans="1:38" s="76" customFormat="1" ht="12" customHeight="1">
      <c r="A316" s="125"/>
      <c r="B316" s="125"/>
      <c r="C316" s="136"/>
      <c r="D316" s="139"/>
      <c r="E316" s="139"/>
      <c r="F316" s="139"/>
      <c r="G316" s="139"/>
      <c r="H316" s="139"/>
      <c r="I316" s="139"/>
      <c r="J316" s="139"/>
      <c r="K316" s="139"/>
      <c r="L316" s="139"/>
      <c r="M316" s="139"/>
      <c r="N316" s="139"/>
      <c r="O316" s="139"/>
      <c r="P316" s="139"/>
      <c r="Q316" s="139"/>
      <c r="R316" s="139"/>
      <c r="S316" s="139"/>
      <c r="T316" s="139"/>
      <c r="U316" s="139"/>
      <c r="V316" s="139"/>
      <c r="W316" s="139"/>
      <c r="X316" s="139"/>
      <c r="Y316" s="139"/>
      <c r="Z316" s="139"/>
      <c r="AA316" s="139"/>
      <c r="AB316" s="139"/>
      <c r="AC316" s="139"/>
      <c r="AD316" s="139"/>
      <c r="AE316" s="139"/>
      <c r="AF316" s="126"/>
      <c r="AG316" s="126"/>
    </row>
    <row r="317" spans="1:38" s="76" customFormat="1" ht="13.5" customHeight="1">
      <c r="A317" s="163" t="s">
        <v>89</v>
      </c>
      <c r="B317" s="164"/>
      <c r="C317" s="164"/>
      <c r="D317" s="164"/>
      <c r="E317" s="164"/>
      <c r="F317" s="164"/>
      <c r="G317" s="164"/>
      <c r="H317" s="164"/>
      <c r="I317" s="164"/>
      <c r="J317" s="164"/>
      <c r="K317" s="164"/>
      <c r="L317" s="164"/>
      <c r="M317" s="164"/>
      <c r="N317" s="164"/>
      <c r="O317" s="164"/>
      <c r="P317" s="164"/>
      <c r="Q317" s="164"/>
      <c r="R317" s="164"/>
      <c r="S317" s="164"/>
      <c r="T317" s="164"/>
      <c r="U317" s="164"/>
      <c r="V317" s="139"/>
      <c r="W317" s="139"/>
      <c r="X317" s="139"/>
      <c r="Y317" s="139"/>
      <c r="Z317" s="139"/>
      <c r="AA317" s="139"/>
      <c r="AB317" s="139"/>
      <c r="AC317" s="139"/>
      <c r="AD317" s="139"/>
      <c r="AE317" s="139"/>
      <c r="AF317" s="126"/>
      <c r="AG317" s="126"/>
    </row>
    <row r="318" spans="1:38" s="76" customFormat="1" ht="13.5" customHeight="1" thickBot="1">
      <c r="A318" s="129" t="s">
        <v>478</v>
      </c>
    </row>
    <row r="319" spans="1:38" s="76" customFormat="1" ht="13.5" customHeight="1" thickTop="1">
      <c r="A319" s="266">
        <v>27</v>
      </c>
      <c r="B319" s="267"/>
      <c r="C319" s="271" t="s">
        <v>504</v>
      </c>
      <c r="D319" s="271"/>
      <c r="E319" s="271"/>
      <c r="F319" s="271"/>
      <c r="G319" s="271"/>
      <c r="H319" s="271"/>
      <c r="I319" s="271"/>
      <c r="J319" s="271"/>
      <c r="K319" s="271"/>
      <c r="L319" s="271"/>
      <c r="M319" s="271"/>
      <c r="N319" s="271"/>
      <c r="O319" s="271"/>
      <c r="P319" s="271"/>
      <c r="Q319" s="271"/>
      <c r="R319" s="271"/>
      <c r="S319" s="271"/>
      <c r="T319" s="271"/>
      <c r="U319" s="271"/>
      <c r="V319" s="271"/>
      <c r="W319" s="271"/>
      <c r="X319" s="271"/>
      <c r="Y319" s="271"/>
      <c r="Z319" s="271"/>
      <c r="AA319" s="271"/>
      <c r="AB319" s="271"/>
      <c r="AC319" s="271"/>
      <c r="AD319" s="271"/>
      <c r="AE319" s="271"/>
      <c r="AF319" s="271"/>
      <c r="AG319" s="271"/>
      <c r="AH319" s="271"/>
      <c r="AI319" s="271"/>
      <c r="AJ319" s="271"/>
      <c r="AK319" s="275"/>
      <c r="AL319" s="276"/>
    </row>
    <row r="320" spans="1:38" s="76" customFormat="1" ht="13.5" customHeight="1" thickBot="1">
      <c r="A320" s="268"/>
      <c r="B320" s="269"/>
      <c r="C320" s="281"/>
      <c r="D320" s="281"/>
      <c r="E320" s="281"/>
      <c r="F320" s="281"/>
      <c r="G320" s="281"/>
      <c r="H320" s="281"/>
      <c r="I320" s="281"/>
      <c r="J320" s="281"/>
      <c r="K320" s="281"/>
      <c r="L320" s="281"/>
      <c r="M320" s="281"/>
      <c r="N320" s="281"/>
      <c r="O320" s="281"/>
      <c r="P320" s="281"/>
      <c r="Q320" s="281"/>
      <c r="R320" s="281"/>
      <c r="S320" s="281"/>
      <c r="T320" s="281"/>
      <c r="U320" s="281"/>
      <c r="V320" s="281"/>
      <c r="W320" s="281"/>
      <c r="X320" s="281"/>
      <c r="Y320" s="281"/>
      <c r="Z320" s="281"/>
      <c r="AA320" s="281"/>
      <c r="AB320" s="281"/>
      <c r="AC320" s="281"/>
      <c r="AD320" s="281"/>
      <c r="AE320" s="281"/>
      <c r="AF320" s="281"/>
      <c r="AG320" s="281"/>
      <c r="AH320" s="281"/>
      <c r="AI320" s="281"/>
      <c r="AJ320" s="281"/>
      <c r="AK320" s="277"/>
      <c r="AL320" s="278"/>
    </row>
    <row r="321" spans="1:38" s="76" customFormat="1" ht="13.5" customHeight="1" thickTop="1">
      <c r="A321" s="125"/>
      <c r="B321" s="165"/>
      <c r="C321" s="274"/>
      <c r="D321" s="274"/>
      <c r="E321" s="274"/>
      <c r="F321" s="274"/>
      <c r="G321" s="274"/>
      <c r="H321" s="274"/>
      <c r="I321" s="274"/>
      <c r="J321" s="274"/>
      <c r="K321" s="274"/>
      <c r="L321" s="274"/>
      <c r="M321" s="274"/>
      <c r="N321" s="274"/>
      <c r="O321" s="274"/>
      <c r="P321" s="274"/>
      <c r="Q321" s="274"/>
      <c r="R321" s="274"/>
      <c r="S321" s="274"/>
      <c r="T321" s="274"/>
      <c r="U321" s="274"/>
      <c r="V321" s="274"/>
      <c r="W321" s="274"/>
      <c r="X321" s="274"/>
      <c r="Y321" s="274"/>
      <c r="Z321" s="274"/>
      <c r="AA321" s="274"/>
      <c r="AB321" s="274"/>
      <c r="AC321" s="274"/>
      <c r="AD321" s="274"/>
      <c r="AE321" s="274"/>
      <c r="AF321" s="274"/>
      <c r="AG321" s="274"/>
      <c r="AH321" s="274"/>
      <c r="AI321" s="274"/>
      <c r="AJ321" s="274"/>
      <c r="AK321" s="130"/>
      <c r="AL321" s="126"/>
    </row>
    <row r="322" spans="1:38" s="76" customFormat="1" ht="12" customHeight="1">
      <c r="A322" s="125"/>
      <c r="B322" s="125"/>
      <c r="C322" s="133"/>
      <c r="D322" s="133"/>
      <c r="E322" s="133"/>
      <c r="F322" s="133"/>
      <c r="G322" s="133"/>
      <c r="H322" s="133"/>
      <c r="I322" s="133"/>
      <c r="J322" s="133"/>
      <c r="K322" s="133"/>
      <c r="L322" s="133"/>
      <c r="M322" s="133"/>
      <c r="N322" s="133"/>
      <c r="O322" s="133"/>
      <c r="P322" s="133"/>
      <c r="Q322" s="133"/>
      <c r="R322" s="133"/>
      <c r="S322" s="133"/>
      <c r="T322" s="133"/>
      <c r="U322" s="133"/>
      <c r="V322" s="133"/>
      <c r="W322" s="133"/>
      <c r="X322" s="133"/>
      <c r="Y322" s="133"/>
      <c r="Z322" s="133"/>
      <c r="AA322" s="133"/>
      <c r="AB322" s="133"/>
      <c r="AC322" s="133"/>
      <c r="AD322" s="133"/>
      <c r="AE322" s="133"/>
      <c r="AF322" s="133"/>
      <c r="AG322" s="133"/>
      <c r="AH322" s="133"/>
      <c r="AI322" s="133"/>
      <c r="AJ322" s="133"/>
      <c r="AK322" s="126"/>
      <c r="AL322" s="126"/>
    </row>
    <row r="323" spans="1:38" s="76" customFormat="1" ht="13.5" customHeight="1">
      <c r="A323" s="163" t="s">
        <v>90</v>
      </c>
      <c r="B323" s="164"/>
      <c r="C323" s="164"/>
      <c r="D323" s="164"/>
      <c r="E323" s="164"/>
      <c r="F323" s="164"/>
      <c r="G323" s="164"/>
      <c r="H323" s="164"/>
      <c r="I323" s="164"/>
      <c r="J323" s="164"/>
      <c r="K323" s="164"/>
      <c r="L323" s="164"/>
      <c r="M323" s="164"/>
      <c r="N323" s="164"/>
      <c r="O323" s="164"/>
      <c r="P323" s="164"/>
      <c r="Q323" s="164"/>
      <c r="R323" s="164"/>
      <c r="S323" s="164"/>
      <c r="T323" s="164"/>
      <c r="U323" s="164"/>
      <c r="V323" s="164"/>
      <c r="W323" s="133"/>
      <c r="X323" s="133"/>
      <c r="Y323" s="133"/>
      <c r="Z323" s="133"/>
      <c r="AA323" s="133"/>
      <c r="AB323" s="133"/>
      <c r="AC323" s="133"/>
      <c r="AD323" s="133"/>
      <c r="AE323" s="133"/>
      <c r="AF323" s="133"/>
      <c r="AG323" s="133"/>
      <c r="AH323" s="133"/>
      <c r="AI323" s="133"/>
      <c r="AJ323" s="133"/>
      <c r="AK323" s="126"/>
      <c r="AL323" s="126"/>
    </row>
    <row r="324" spans="1:38" s="76" customFormat="1" ht="13.5" customHeight="1" thickBot="1">
      <c r="A324" s="129" t="s">
        <v>214</v>
      </c>
      <c r="B324" s="164"/>
      <c r="C324" s="164"/>
      <c r="D324" s="164"/>
      <c r="E324" s="164"/>
      <c r="F324" s="164"/>
      <c r="G324" s="164"/>
      <c r="H324" s="164"/>
      <c r="I324" s="164"/>
      <c r="J324" s="164"/>
      <c r="K324" s="164"/>
      <c r="L324" s="164"/>
      <c r="M324" s="164"/>
      <c r="N324" s="164"/>
      <c r="O324" s="164"/>
      <c r="P324" s="164"/>
      <c r="Q324" s="164"/>
      <c r="R324" s="164"/>
      <c r="S324" s="164"/>
      <c r="T324" s="164"/>
      <c r="U324" s="164"/>
      <c r="V324" s="164"/>
      <c r="W324" s="133"/>
      <c r="X324" s="133"/>
      <c r="Y324" s="133"/>
      <c r="Z324" s="133"/>
      <c r="AA324" s="133"/>
      <c r="AB324" s="133"/>
      <c r="AC324" s="133"/>
      <c r="AD324" s="133"/>
      <c r="AE324" s="133"/>
      <c r="AF324" s="133"/>
      <c r="AG324" s="133"/>
      <c r="AH324" s="133"/>
      <c r="AI324" s="133"/>
      <c r="AJ324" s="133"/>
      <c r="AK324" s="126"/>
      <c r="AL324" s="126"/>
    </row>
    <row r="325" spans="1:38" s="76" customFormat="1" ht="13.5" customHeight="1" thickTop="1">
      <c r="A325" s="266">
        <v>28</v>
      </c>
      <c r="B325" s="302"/>
      <c r="C325" s="270" t="s">
        <v>505</v>
      </c>
      <c r="D325" s="271"/>
      <c r="E325" s="271"/>
      <c r="F325" s="271"/>
      <c r="G325" s="271"/>
      <c r="H325" s="271"/>
      <c r="I325" s="271"/>
      <c r="J325" s="271"/>
      <c r="K325" s="271"/>
      <c r="L325" s="271"/>
      <c r="M325" s="271"/>
      <c r="N325" s="271"/>
      <c r="O325" s="271"/>
      <c r="P325" s="271"/>
      <c r="Q325" s="271"/>
      <c r="R325" s="271"/>
      <c r="S325" s="271"/>
      <c r="T325" s="271"/>
      <c r="U325" s="271"/>
      <c r="V325" s="271"/>
      <c r="W325" s="271"/>
      <c r="X325" s="271"/>
      <c r="Y325" s="271"/>
      <c r="Z325" s="271"/>
      <c r="AA325" s="271"/>
      <c r="AB325" s="271"/>
      <c r="AC325" s="271"/>
      <c r="AD325" s="271"/>
      <c r="AE325" s="271"/>
      <c r="AF325" s="271"/>
      <c r="AG325" s="271"/>
      <c r="AH325" s="271"/>
      <c r="AI325" s="271"/>
      <c r="AJ325" s="271"/>
      <c r="AK325" s="275"/>
      <c r="AL325" s="276"/>
    </row>
    <row r="326" spans="1:38" s="76" customFormat="1" ht="13.5" customHeight="1" thickBot="1">
      <c r="A326" s="268"/>
      <c r="B326" s="303"/>
      <c r="C326" s="272"/>
      <c r="D326" s="281"/>
      <c r="E326" s="281"/>
      <c r="F326" s="281"/>
      <c r="G326" s="281"/>
      <c r="H326" s="281"/>
      <c r="I326" s="281"/>
      <c r="J326" s="281"/>
      <c r="K326" s="281"/>
      <c r="L326" s="281"/>
      <c r="M326" s="281"/>
      <c r="N326" s="281"/>
      <c r="O326" s="281"/>
      <c r="P326" s="281"/>
      <c r="Q326" s="281"/>
      <c r="R326" s="281"/>
      <c r="S326" s="281"/>
      <c r="T326" s="281"/>
      <c r="U326" s="281"/>
      <c r="V326" s="281"/>
      <c r="W326" s="281"/>
      <c r="X326" s="281"/>
      <c r="Y326" s="281"/>
      <c r="Z326" s="281"/>
      <c r="AA326" s="281"/>
      <c r="AB326" s="281"/>
      <c r="AC326" s="281"/>
      <c r="AD326" s="281"/>
      <c r="AE326" s="281"/>
      <c r="AF326" s="281"/>
      <c r="AG326" s="281"/>
      <c r="AH326" s="281"/>
      <c r="AI326" s="281"/>
      <c r="AJ326" s="281"/>
      <c r="AK326" s="277"/>
      <c r="AL326" s="278"/>
    </row>
    <row r="327" spans="1:38" s="76" customFormat="1" ht="13.5" customHeight="1" thickTop="1">
      <c r="A327" s="125"/>
      <c r="B327" s="125"/>
      <c r="C327" s="272"/>
      <c r="D327" s="281"/>
      <c r="E327" s="281"/>
      <c r="F327" s="281"/>
      <c r="G327" s="281"/>
      <c r="H327" s="281"/>
      <c r="I327" s="281"/>
      <c r="J327" s="281"/>
      <c r="K327" s="281"/>
      <c r="L327" s="281"/>
      <c r="M327" s="281"/>
      <c r="N327" s="281"/>
      <c r="O327" s="281"/>
      <c r="P327" s="281"/>
      <c r="Q327" s="281"/>
      <c r="R327" s="281"/>
      <c r="S327" s="281"/>
      <c r="T327" s="281"/>
      <c r="U327" s="281"/>
      <c r="V327" s="281"/>
      <c r="W327" s="281"/>
      <c r="X327" s="281"/>
      <c r="Y327" s="281"/>
      <c r="Z327" s="281"/>
      <c r="AA327" s="281"/>
      <c r="AB327" s="281"/>
      <c r="AC327" s="281"/>
      <c r="AD327" s="281"/>
      <c r="AE327" s="281"/>
      <c r="AF327" s="281"/>
      <c r="AG327" s="281"/>
      <c r="AH327" s="281"/>
      <c r="AI327" s="281"/>
      <c r="AJ327" s="281"/>
      <c r="AK327" s="130"/>
      <c r="AL327" s="126"/>
    </row>
    <row r="328" spans="1:38" s="76" customFormat="1" ht="13.5" customHeight="1">
      <c r="C328" s="273"/>
      <c r="D328" s="274"/>
      <c r="E328" s="274"/>
      <c r="F328" s="274"/>
      <c r="G328" s="274"/>
      <c r="H328" s="274"/>
      <c r="I328" s="274"/>
      <c r="J328" s="274"/>
      <c r="K328" s="274"/>
      <c r="L328" s="274"/>
      <c r="M328" s="274"/>
      <c r="N328" s="274"/>
      <c r="O328" s="274"/>
      <c r="P328" s="274"/>
      <c r="Q328" s="274"/>
      <c r="R328" s="274"/>
      <c r="S328" s="274"/>
      <c r="T328" s="274"/>
      <c r="U328" s="274"/>
      <c r="V328" s="274"/>
      <c r="W328" s="274"/>
      <c r="X328" s="274"/>
      <c r="Y328" s="274"/>
      <c r="Z328" s="274"/>
      <c r="AA328" s="274"/>
      <c r="AB328" s="274"/>
      <c r="AC328" s="274"/>
      <c r="AD328" s="274"/>
      <c r="AE328" s="274"/>
      <c r="AF328" s="274"/>
      <c r="AG328" s="274"/>
      <c r="AH328" s="274"/>
      <c r="AI328" s="274"/>
      <c r="AJ328" s="314"/>
    </row>
    <row r="329" spans="1:38" s="76" customFormat="1" ht="12.65" customHeight="1">
      <c r="A329" s="163"/>
      <c r="B329" s="164"/>
      <c r="C329" s="164"/>
      <c r="D329" s="164"/>
      <c r="E329" s="164"/>
      <c r="F329" s="164"/>
      <c r="G329" s="164"/>
      <c r="H329" s="164"/>
      <c r="I329" s="164"/>
      <c r="J329" s="164"/>
      <c r="K329" s="164"/>
      <c r="L329" s="164"/>
      <c r="M329" s="164"/>
      <c r="N329" s="164"/>
      <c r="O329" s="164"/>
      <c r="P329" s="164"/>
      <c r="Q329" s="164"/>
      <c r="R329" s="164"/>
      <c r="S329" s="164"/>
      <c r="T329" s="164"/>
      <c r="U329" s="164"/>
      <c r="V329" s="164"/>
      <c r="W329" s="133"/>
      <c r="X329" s="133"/>
      <c r="Y329" s="133"/>
      <c r="Z329" s="133"/>
      <c r="AA329" s="133"/>
      <c r="AB329" s="133"/>
      <c r="AC329" s="133"/>
      <c r="AD329" s="133"/>
      <c r="AE329" s="133"/>
      <c r="AF329" s="133"/>
      <c r="AG329" s="133"/>
      <c r="AH329" s="133"/>
      <c r="AI329" s="133"/>
      <c r="AJ329" s="133"/>
      <c r="AK329" s="126"/>
      <c r="AL329" s="126"/>
    </row>
    <row r="330" spans="1:38" s="76" customFormat="1" ht="13.5" customHeight="1">
      <c r="A330" s="127" t="s">
        <v>91</v>
      </c>
    </row>
    <row r="331" spans="1:38" s="76" customFormat="1" ht="13.5" customHeight="1" thickBot="1">
      <c r="A331" s="129" t="s">
        <v>215</v>
      </c>
    </row>
    <row r="332" spans="1:38" s="76" customFormat="1" ht="13.5" customHeight="1" thickTop="1">
      <c r="A332" s="266">
        <v>29</v>
      </c>
      <c r="B332" s="302"/>
      <c r="C332" s="270" t="s">
        <v>506</v>
      </c>
      <c r="D332" s="271"/>
      <c r="E332" s="271"/>
      <c r="F332" s="271"/>
      <c r="G332" s="271"/>
      <c r="H332" s="271"/>
      <c r="I332" s="271"/>
      <c r="J332" s="271"/>
      <c r="K332" s="271"/>
      <c r="L332" s="271"/>
      <c r="M332" s="271"/>
      <c r="N332" s="271"/>
      <c r="O332" s="271"/>
      <c r="P332" s="271"/>
      <c r="Q332" s="271"/>
      <c r="R332" s="271"/>
      <c r="S332" s="271"/>
      <c r="T332" s="271"/>
      <c r="U332" s="271"/>
      <c r="V332" s="271"/>
      <c r="W332" s="271"/>
      <c r="X332" s="271"/>
      <c r="Y332" s="271"/>
      <c r="Z332" s="271"/>
      <c r="AA332" s="271"/>
      <c r="AB332" s="271"/>
      <c r="AC332" s="271"/>
      <c r="AD332" s="271"/>
      <c r="AE332" s="271"/>
      <c r="AF332" s="271"/>
      <c r="AG332" s="271"/>
      <c r="AH332" s="271"/>
      <c r="AI332" s="271"/>
      <c r="AJ332" s="271"/>
      <c r="AK332" s="275"/>
      <c r="AL332" s="276"/>
    </row>
    <row r="333" spans="1:38" s="76" customFormat="1" ht="13.5" customHeight="1" thickBot="1">
      <c r="A333" s="268"/>
      <c r="B333" s="303"/>
      <c r="C333" s="272"/>
      <c r="D333" s="281"/>
      <c r="E333" s="281"/>
      <c r="F333" s="281"/>
      <c r="G333" s="281"/>
      <c r="H333" s="281"/>
      <c r="I333" s="281"/>
      <c r="J333" s="281"/>
      <c r="K333" s="281"/>
      <c r="L333" s="281"/>
      <c r="M333" s="281"/>
      <c r="N333" s="281"/>
      <c r="O333" s="281"/>
      <c r="P333" s="281"/>
      <c r="Q333" s="281"/>
      <c r="R333" s="281"/>
      <c r="S333" s="281"/>
      <c r="T333" s="281"/>
      <c r="U333" s="281"/>
      <c r="V333" s="281"/>
      <c r="W333" s="281"/>
      <c r="X333" s="281"/>
      <c r="Y333" s="281"/>
      <c r="Z333" s="281"/>
      <c r="AA333" s="281"/>
      <c r="AB333" s="281"/>
      <c r="AC333" s="281"/>
      <c r="AD333" s="281"/>
      <c r="AE333" s="281"/>
      <c r="AF333" s="281"/>
      <c r="AG333" s="281"/>
      <c r="AH333" s="281"/>
      <c r="AI333" s="281"/>
      <c r="AJ333" s="281"/>
      <c r="AK333" s="277"/>
      <c r="AL333" s="278"/>
    </row>
    <row r="334" spans="1:38" s="76" customFormat="1" ht="13.5" customHeight="1" thickTop="1">
      <c r="C334" s="273"/>
      <c r="D334" s="274"/>
      <c r="E334" s="274"/>
      <c r="F334" s="274"/>
      <c r="G334" s="274"/>
      <c r="H334" s="274"/>
      <c r="I334" s="274"/>
      <c r="J334" s="274"/>
      <c r="K334" s="274"/>
      <c r="L334" s="274"/>
      <c r="M334" s="274"/>
      <c r="N334" s="274"/>
      <c r="O334" s="274"/>
      <c r="P334" s="274"/>
      <c r="Q334" s="274"/>
      <c r="R334" s="274"/>
      <c r="S334" s="274"/>
      <c r="T334" s="274"/>
      <c r="U334" s="274"/>
      <c r="V334" s="274"/>
      <c r="W334" s="274"/>
      <c r="X334" s="274"/>
      <c r="Y334" s="274"/>
      <c r="Z334" s="274"/>
      <c r="AA334" s="274"/>
      <c r="AB334" s="274"/>
      <c r="AC334" s="274"/>
      <c r="AD334" s="274"/>
      <c r="AE334" s="274"/>
      <c r="AF334" s="274"/>
      <c r="AG334" s="274"/>
      <c r="AH334" s="274"/>
      <c r="AI334" s="274"/>
      <c r="AJ334" s="314"/>
    </row>
    <row r="335" spans="1:38" s="76" customFormat="1" ht="12.65" customHeight="1"/>
    <row r="336" spans="1:38" s="76" customFormat="1" ht="13.5" customHeight="1">
      <c r="A336" s="127" t="s">
        <v>92</v>
      </c>
    </row>
    <row r="337" spans="1:38" s="76" customFormat="1" ht="13.5" customHeight="1" thickBot="1">
      <c r="A337" s="129" t="s">
        <v>216</v>
      </c>
    </row>
    <row r="338" spans="1:38" s="76" customFormat="1" ht="13.5" customHeight="1" thickTop="1">
      <c r="A338" s="266">
        <v>30</v>
      </c>
      <c r="B338" s="302"/>
      <c r="C338" s="270" t="s">
        <v>507</v>
      </c>
      <c r="D338" s="271"/>
      <c r="E338" s="271"/>
      <c r="F338" s="271"/>
      <c r="G338" s="271"/>
      <c r="H338" s="271"/>
      <c r="I338" s="271"/>
      <c r="J338" s="271"/>
      <c r="K338" s="271"/>
      <c r="L338" s="271"/>
      <c r="M338" s="271"/>
      <c r="N338" s="271"/>
      <c r="O338" s="271"/>
      <c r="P338" s="271"/>
      <c r="Q338" s="271"/>
      <c r="R338" s="271"/>
      <c r="S338" s="271"/>
      <c r="T338" s="271"/>
      <c r="U338" s="271"/>
      <c r="V338" s="271"/>
      <c r="W338" s="271"/>
      <c r="X338" s="271"/>
      <c r="Y338" s="271"/>
      <c r="Z338" s="271"/>
      <c r="AA338" s="271"/>
      <c r="AB338" s="271"/>
      <c r="AC338" s="271"/>
      <c r="AD338" s="271"/>
      <c r="AE338" s="271"/>
      <c r="AF338" s="271"/>
      <c r="AG338" s="271"/>
      <c r="AH338" s="271"/>
      <c r="AI338" s="271"/>
      <c r="AJ338" s="271"/>
      <c r="AK338" s="275"/>
      <c r="AL338" s="276"/>
    </row>
    <row r="339" spans="1:38" s="76" customFormat="1" ht="13.5" customHeight="1" thickBot="1">
      <c r="A339" s="268"/>
      <c r="B339" s="303"/>
      <c r="C339" s="272"/>
      <c r="D339" s="281"/>
      <c r="E339" s="281"/>
      <c r="F339" s="281"/>
      <c r="G339" s="281"/>
      <c r="H339" s="281"/>
      <c r="I339" s="281"/>
      <c r="J339" s="281"/>
      <c r="K339" s="281"/>
      <c r="L339" s="281"/>
      <c r="M339" s="281"/>
      <c r="N339" s="281"/>
      <c r="O339" s="281"/>
      <c r="P339" s="281"/>
      <c r="Q339" s="281"/>
      <c r="R339" s="281"/>
      <c r="S339" s="281"/>
      <c r="T339" s="281"/>
      <c r="U339" s="281"/>
      <c r="V339" s="281"/>
      <c r="W339" s="281"/>
      <c r="X339" s="281"/>
      <c r="Y339" s="281"/>
      <c r="Z339" s="281"/>
      <c r="AA339" s="281"/>
      <c r="AB339" s="281"/>
      <c r="AC339" s="281"/>
      <c r="AD339" s="281"/>
      <c r="AE339" s="281"/>
      <c r="AF339" s="281"/>
      <c r="AG339" s="281"/>
      <c r="AH339" s="281"/>
      <c r="AI339" s="281"/>
      <c r="AJ339" s="281"/>
      <c r="AK339" s="277"/>
      <c r="AL339" s="278"/>
    </row>
    <row r="340" spans="1:38" s="76" customFormat="1" ht="13.5" customHeight="1" thickTop="1">
      <c r="A340" s="125"/>
      <c r="B340" s="125"/>
      <c r="C340" s="272"/>
      <c r="D340" s="281"/>
      <c r="E340" s="281"/>
      <c r="F340" s="281"/>
      <c r="G340" s="281"/>
      <c r="H340" s="281"/>
      <c r="I340" s="281"/>
      <c r="J340" s="281"/>
      <c r="K340" s="281"/>
      <c r="L340" s="281"/>
      <c r="M340" s="281"/>
      <c r="N340" s="281"/>
      <c r="O340" s="281"/>
      <c r="P340" s="281"/>
      <c r="Q340" s="281"/>
      <c r="R340" s="281"/>
      <c r="S340" s="281"/>
      <c r="T340" s="281"/>
      <c r="U340" s="281"/>
      <c r="V340" s="281"/>
      <c r="W340" s="281"/>
      <c r="X340" s="281"/>
      <c r="Y340" s="281"/>
      <c r="Z340" s="281"/>
      <c r="AA340" s="281"/>
      <c r="AB340" s="281"/>
      <c r="AC340" s="281"/>
      <c r="AD340" s="281"/>
      <c r="AE340" s="281"/>
      <c r="AF340" s="281"/>
      <c r="AG340" s="281"/>
      <c r="AH340" s="281"/>
      <c r="AI340" s="281"/>
      <c r="AJ340" s="281"/>
      <c r="AK340" s="130"/>
      <c r="AL340" s="126"/>
    </row>
    <row r="341" spans="1:38" s="76" customFormat="1" ht="13.5" customHeight="1">
      <c r="C341" s="273"/>
      <c r="D341" s="274"/>
      <c r="E341" s="274"/>
      <c r="F341" s="274"/>
      <c r="G341" s="274"/>
      <c r="H341" s="274"/>
      <c r="I341" s="274"/>
      <c r="J341" s="274"/>
      <c r="K341" s="274"/>
      <c r="L341" s="274"/>
      <c r="M341" s="274"/>
      <c r="N341" s="274"/>
      <c r="O341" s="274"/>
      <c r="P341" s="274"/>
      <c r="Q341" s="274"/>
      <c r="R341" s="274"/>
      <c r="S341" s="274"/>
      <c r="T341" s="274"/>
      <c r="U341" s="274"/>
      <c r="V341" s="274"/>
      <c r="W341" s="274"/>
      <c r="X341" s="274"/>
      <c r="Y341" s="274"/>
      <c r="Z341" s="274"/>
      <c r="AA341" s="274"/>
      <c r="AB341" s="274"/>
      <c r="AC341" s="274"/>
      <c r="AD341" s="274"/>
      <c r="AE341" s="274"/>
      <c r="AF341" s="274"/>
      <c r="AG341" s="274"/>
      <c r="AH341" s="274"/>
      <c r="AI341" s="274"/>
      <c r="AJ341" s="314"/>
    </row>
    <row r="342" spans="1:38" s="76" customFormat="1" ht="11.5" customHeight="1" thickBot="1">
      <c r="C342" s="133"/>
      <c r="D342" s="133"/>
      <c r="E342" s="133"/>
      <c r="F342" s="133"/>
      <c r="G342" s="133"/>
      <c r="H342" s="133"/>
      <c r="I342" s="133"/>
      <c r="J342" s="133"/>
      <c r="K342" s="133"/>
      <c r="L342" s="133"/>
      <c r="M342" s="133"/>
      <c r="N342" s="133"/>
      <c r="O342" s="133"/>
      <c r="P342" s="133"/>
      <c r="Q342" s="133"/>
      <c r="R342" s="133"/>
      <c r="S342" s="133"/>
      <c r="T342" s="133"/>
      <c r="U342" s="133"/>
      <c r="V342" s="133"/>
      <c r="W342" s="133"/>
      <c r="X342" s="133"/>
      <c r="Y342" s="133"/>
      <c r="Z342" s="133"/>
      <c r="AA342" s="133"/>
      <c r="AB342" s="133"/>
      <c r="AC342" s="133"/>
      <c r="AD342" s="133"/>
      <c r="AE342" s="133"/>
      <c r="AF342" s="133"/>
      <c r="AG342" s="133"/>
      <c r="AH342" s="133"/>
      <c r="AI342" s="133"/>
      <c r="AJ342" s="133"/>
    </row>
    <row r="343" spans="1:38" s="76" customFormat="1" ht="13.5" customHeight="1" thickTop="1">
      <c r="A343" s="266">
        <v>31</v>
      </c>
      <c r="B343" s="302"/>
      <c r="C343" s="270" t="s">
        <v>508</v>
      </c>
      <c r="D343" s="271"/>
      <c r="E343" s="271"/>
      <c r="F343" s="271"/>
      <c r="G343" s="271"/>
      <c r="H343" s="271"/>
      <c r="I343" s="271"/>
      <c r="J343" s="271"/>
      <c r="K343" s="271"/>
      <c r="L343" s="271"/>
      <c r="M343" s="271"/>
      <c r="N343" s="271"/>
      <c r="O343" s="271"/>
      <c r="P343" s="271"/>
      <c r="Q343" s="271"/>
      <c r="R343" s="271"/>
      <c r="S343" s="271"/>
      <c r="T343" s="271"/>
      <c r="U343" s="271"/>
      <c r="V343" s="271"/>
      <c r="W343" s="271"/>
      <c r="X343" s="271"/>
      <c r="Y343" s="271"/>
      <c r="Z343" s="271"/>
      <c r="AA343" s="271"/>
      <c r="AB343" s="271"/>
      <c r="AC343" s="271"/>
      <c r="AD343" s="271"/>
      <c r="AE343" s="271"/>
      <c r="AF343" s="271"/>
      <c r="AG343" s="271"/>
      <c r="AH343" s="271"/>
      <c r="AI343" s="271"/>
      <c r="AJ343" s="271"/>
      <c r="AK343" s="275"/>
      <c r="AL343" s="276"/>
    </row>
    <row r="344" spans="1:38" s="76" customFormat="1" ht="13.5" customHeight="1" thickBot="1">
      <c r="A344" s="268"/>
      <c r="B344" s="303"/>
      <c r="C344" s="272"/>
      <c r="D344" s="281"/>
      <c r="E344" s="281"/>
      <c r="F344" s="281"/>
      <c r="G344" s="281"/>
      <c r="H344" s="281"/>
      <c r="I344" s="281"/>
      <c r="J344" s="281"/>
      <c r="K344" s="281"/>
      <c r="L344" s="281"/>
      <c r="M344" s="281"/>
      <c r="N344" s="281"/>
      <c r="O344" s="281"/>
      <c r="P344" s="281"/>
      <c r="Q344" s="281"/>
      <c r="R344" s="281"/>
      <c r="S344" s="281"/>
      <c r="T344" s="281"/>
      <c r="U344" s="281"/>
      <c r="V344" s="281"/>
      <c r="W344" s="281"/>
      <c r="X344" s="281"/>
      <c r="Y344" s="281"/>
      <c r="Z344" s="281"/>
      <c r="AA344" s="281"/>
      <c r="AB344" s="281"/>
      <c r="AC344" s="281"/>
      <c r="AD344" s="281"/>
      <c r="AE344" s="281"/>
      <c r="AF344" s="281"/>
      <c r="AG344" s="281"/>
      <c r="AH344" s="281"/>
      <c r="AI344" s="281"/>
      <c r="AJ344" s="281"/>
      <c r="AK344" s="277"/>
      <c r="AL344" s="278"/>
    </row>
    <row r="345" spans="1:38" s="76" customFormat="1" ht="13.5" customHeight="1" thickTop="1">
      <c r="C345" s="273"/>
      <c r="D345" s="274"/>
      <c r="E345" s="274"/>
      <c r="F345" s="274"/>
      <c r="G345" s="274"/>
      <c r="H345" s="274"/>
      <c r="I345" s="274"/>
      <c r="J345" s="274"/>
      <c r="K345" s="274"/>
      <c r="L345" s="274"/>
      <c r="M345" s="274"/>
      <c r="N345" s="274"/>
      <c r="O345" s="274"/>
      <c r="P345" s="274"/>
      <c r="Q345" s="274"/>
      <c r="R345" s="274"/>
      <c r="S345" s="274"/>
      <c r="T345" s="274"/>
      <c r="U345" s="274"/>
      <c r="V345" s="274"/>
      <c r="W345" s="274"/>
      <c r="X345" s="274"/>
      <c r="Y345" s="274"/>
      <c r="Z345" s="274"/>
      <c r="AA345" s="274"/>
      <c r="AB345" s="274"/>
      <c r="AC345" s="274"/>
      <c r="AD345" s="274"/>
      <c r="AE345" s="274"/>
      <c r="AF345" s="274"/>
      <c r="AG345" s="274"/>
      <c r="AH345" s="274"/>
      <c r="AI345" s="274"/>
      <c r="AJ345" s="314"/>
    </row>
    <row r="346" spans="1:38" s="76" customFormat="1" ht="13.5" customHeight="1"/>
    <row r="347" spans="1:38" s="76" customFormat="1" ht="13.5" customHeight="1">
      <c r="A347" s="127" t="s">
        <v>93</v>
      </c>
    </row>
    <row r="348" spans="1:38" s="76" customFormat="1" ht="13.5" customHeight="1" thickBot="1">
      <c r="A348" s="129" t="s">
        <v>217</v>
      </c>
    </row>
    <row r="349" spans="1:38" s="76" customFormat="1" ht="13.5" customHeight="1" thickTop="1">
      <c r="A349" s="266">
        <v>32</v>
      </c>
      <c r="B349" s="302"/>
      <c r="C349" s="270" t="s">
        <v>509</v>
      </c>
      <c r="D349" s="271"/>
      <c r="E349" s="271"/>
      <c r="F349" s="271"/>
      <c r="G349" s="271"/>
      <c r="H349" s="271"/>
      <c r="I349" s="271"/>
      <c r="J349" s="271"/>
      <c r="K349" s="271"/>
      <c r="L349" s="271"/>
      <c r="M349" s="271"/>
      <c r="N349" s="271"/>
      <c r="O349" s="271"/>
      <c r="P349" s="271"/>
      <c r="Q349" s="271"/>
      <c r="R349" s="271"/>
      <c r="S349" s="271"/>
      <c r="T349" s="271"/>
      <c r="U349" s="271"/>
      <c r="V349" s="271"/>
      <c r="W349" s="271"/>
      <c r="X349" s="271"/>
      <c r="Y349" s="271"/>
      <c r="Z349" s="271"/>
      <c r="AA349" s="271"/>
      <c r="AB349" s="271"/>
      <c r="AC349" s="271"/>
      <c r="AD349" s="271"/>
      <c r="AE349" s="271"/>
      <c r="AF349" s="271"/>
      <c r="AG349" s="271"/>
      <c r="AH349" s="271"/>
      <c r="AI349" s="271"/>
      <c r="AJ349" s="271"/>
      <c r="AK349" s="275"/>
      <c r="AL349" s="276"/>
    </row>
    <row r="350" spans="1:38" s="76" customFormat="1" ht="13.5" customHeight="1" thickBot="1">
      <c r="A350" s="268"/>
      <c r="B350" s="303"/>
      <c r="C350" s="272"/>
      <c r="D350" s="281"/>
      <c r="E350" s="281"/>
      <c r="F350" s="281"/>
      <c r="G350" s="281"/>
      <c r="H350" s="281"/>
      <c r="I350" s="281"/>
      <c r="J350" s="281"/>
      <c r="K350" s="281"/>
      <c r="L350" s="281"/>
      <c r="M350" s="281"/>
      <c r="N350" s="281"/>
      <c r="O350" s="281"/>
      <c r="P350" s="281"/>
      <c r="Q350" s="281"/>
      <c r="R350" s="281"/>
      <c r="S350" s="281"/>
      <c r="T350" s="281"/>
      <c r="U350" s="281"/>
      <c r="V350" s="281"/>
      <c r="W350" s="281"/>
      <c r="X350" s="281"/>
      <c r="Y350" s="281"/>
      <c r="Z350" s="281"/>
      <c r="AA350" s="281"/>
      <c r="AB350" s="281"/>
      <c r="AC350" s="281"/>
      <c r="AD350" s="281"/>
      <c r="AE350" s="281"/>
      <c r="AF350" s="281"/>
      <c r="AG350" s="281"/>
      <c r="AH350" s="281"/>
      <c r="AI350" s="281"/>
      <c r="AJ350" s="281"/>
      <c r="AK350" s="277"/>
      <c r="AL350" s="278"/>
    </row>
    <row r="351" spans="1:38" s="76" customFormat="1" ht="13.5" customHeight="1" thickTop="1">
      <c r="C351" s="273"/>
      <c r="D351" s="274"/>
      <c r="E351" s="274"/>
      <c r="F351" s="274"/>
      <c r="G351" s="274"/>
      <c r="H351" s="274"/>
      <c r="I351" s="274"/>
      <c r="J351" s="274"/>
      <c r="K351" s="274"/>
      <c r="L351" s="274"/>
      <c r="M351" s="274"/>
      <c r="N351" s="274"/>
      <c r="O351" s="274"/>
      <c r="P351" s="274"/>
      <c r="Q351" s="274"/>
      <c r="R351" s="274"/>
      <c r="S351" s="274"/>
      <c r="T351" s="274"/>
      <c r="U351" s="274"/>
      <c r="V351" s="274"/>
      <c r="W351" s="274"/>
      <c r="X351" s="274"/>
      <c r="Y351" s="274"/>
      <c r="Z351" s="274"/>
      <c r="AA351" s="274"/>
      <c r="AB351" s="274"/>
      <c r="AC351" s="274"/>
      <c r="AD351" s="274"/>
      <c r="AE351" s="274"/>
      <c r="AF351" s="274"/>
      <c r="AG351" s="274"/>
      <c r="AH351" s="274"/>
      <c r="AI351" s="274"/>
      <c r="AJ351" s="314"/>
    </row>
    <row r="352" spans="1:38" s="76" customFormat="1" ht="10.5" customHeight="1"/>
    <row r="353" spans="1:38" s="76" customFormat="1" ht="13.5" customHeight="1">
      <c r="A353" s="127" t="s">
        <v>94</v>
      </c>
    </row>
    <row r="354" spans="1:38" s="76" customFormat="1" ht="13.5" customHeight="1" thickBot="1">
      <c r="A354" s="129" t="s">
        <v>218</v>
      </c>
    </row>
    <row r="355" spans="1:38" s="76" customFormat="1" ht="13.5" customHeight="1" thickTop="1">
      <c r="A355" s="266">
        <v>33</v>
      </c>
      <c r="B355" s="302"/>
      <c r="C355" s="270" t="s">
        <v>510</v>
      </c>
      <c r="D355" s="271"/>
      <c r="E355" s="271"/>
      <c r="F355" s="271"/>
      <c r="G355" s="271"/>
      <c r="H355" s="271"/>
      <c r="I355" s="271"/>
      <c r="J355" s="271"/>
      <c r="K355" s="271"/>
      <c r="L355" s="271"/>
      <c r="M355" s="271"/>
      <c r="N355" s="271"/>
      <c r="O355" s="271"/>
      <c r="P355" s="271"/>
      <c r="Q355" s="271"/>
      <c r="R355" s="271"/>
      <c r="S355" s="271"/>
      <c r="T355" s="271"/>
      <c r="U355" s="271"/>
      <c r="V355" s="271"/>
      <c r="W355" s="271"/>
      <c r="X355" s="271"/>
      <c r="Y355" s="271"/>
      <c r="Z355" s="271"/>
      <c r="AA355" s="271"/>
      <c r="AB355" s="271"/>
      <c r="AC355" s="271"/>
      <c r="AD355" s="271"/>
      <c r="AE355" s="271"/>
      <c r="AF355" s="271"/>
      <c r="AG355" s="271"/>
      <c r="AH355" s="271"/>
      <c r="AI355" s="271"/>
      <c r="AJ355" s="271"/>
      <c r="AK355" s="275"/>
      <c r="AL355" s="276"/>
    </row>
    <row r="356" spans="1:38" s="76" customFormat="1" ht="13.5" customHeight="1" thickBot="1">
      <c r="A356" s="268"/>
      <c r="B356" s="303"/>
      <c r="C356" s="272"/>
      <c r="D356" s="281"/>
      <c r="E356" s="281"/>
      <c r="F356" s="281"/>
      <c r="G356" s="281"/>
      <c r="H356" s="281"/>
      <c r="I356" s="281"/>
      <c r="J356" s="281"/>
      <c r="K356" s="281"/>
      <c r="L356" s="281"/>
      <c r="M356" s="281"/>
      <c r="N356" s="281"/>
      <c r="O356" s="281"/>
      <c r="P356" s="281"/>
      <c r="Q356" s="281"/>
      <c r="R356" s="281"/>
      <c r="S356" s="281"/>
      <c r="T356" s="281"/>
      <c r="U356" s="281"/>
      <c r="V356" s="281"/>
      <c r="W356" s="281"/>
      <c r="X356" s="281"/>
      <c r="Y356" s="281"/>
      <c r="Z356" s="281"/>
      <c r="AA356" s="281"/>
      <c r="AB356" s="281"/>
      <c r="AC356" s="281"/>
      <c r="AD356" s="281"/>
      <c r="AE356" s="281"/>
      <c r="AF356" s="281"/>
      <c r="AG356" s="281"/>
      <c r="AH356" s="281"/>
      <c r="AI356" s="281"/>
      <c r="AJ356" s="281"/>
      <c r="AK356" s="277"/>
      <c r="AL356" s="278"/>
    </row>
    <row r="357" spans="1:38" s="76" customFormat="1" ht="13.5" customHeight="1" thickTop="1">
      <c r="C357" s="273"/>
      <c r="D357" s="274"/>
      <c r="E357" s="274"/>
      <c r="F357" s="274"/>
      <c r="G357" s="274"/>
      <c r="H357" s="274"/>
      <c r="I357" s="274"/>
      <c r="J357" s="274"/>
      <c r="K357" s="274"/>
      <c r="L357" s="274"/>
      <c r="M357" s="274"/>
      <c r="N357" s="274"/>
      <c r="O357" s="274"/>
      <c r="P357" s="274"/>
      <c r="Q357" s="274"/>
      <c r="R357" s="274"/>
      <c r="S357" s="274"/>
      <c r="T357" s="274"/>
      <c r="U357" s="274"/>
      <c r="V357" s="274"/>
      <c r="W357" s="274"/>
      <c r="X357" s="274"/>
      <c r="Y357" s="274"/>
      <c r="Z357" s="274"/>
      <c r="AA357" s="274"/>
      <c r="AB357" s="274"/>
      <c r="AC357" s="274"/>
      <c r="AD357" s="274"/>
      <c r="AE357" s="274"/>
      <c r="AF357" s="274"/>
      <c r="AG357" s="274"/>
      <c r="AH357" s="274"/>
      <c r="AI357" s="274"/>
      <c r="AJ357" s="314"/>
    </row>
    <row r="358" spans="1:38" s="76" customFormat="1" ht="12" customHeight="1">
      <c r="C358" s="133"/>
      <c r="D358" s="133"/>
      <c r="E358" s="133"/>
      <c r="F358" s="133"/>
      <c r="G358" s="133"/>
      <c r="H358" s="133"/>
      <c r="I358" s="133"/>
      <c r="J358" s="133"/>
      <c r="K358" s="133"/>
      <c r="L358" s="133"/>
      <c r="M358" s="133"/>
      <c r="N358" s="133"/>
      <c r="O358" s="133"/>
      <c r="P358" s="133"/>
      <c r="Q358" s="133"/>
      <c r="R358" s="133"/>
      <c r="S358" s="133"/>
      <c r="T358" s="133"/>
      <c r="U358" s="133"/>
      <c r="V358" s="133"/>
      <c r="W358" s="133"/>
      <c r="X358" s="133"/>
      <c r="Y358" s="133"/>
      <c r="Z358" s="133"/>
      <c r="AA358" s="133"/>
      <c r="AB358" s="133"/>
      <c r="AC358" s="133"/>
      <c r="AD358" s="133"/>
      <c r="AE358" s="133"/>
      <c r="AF358" s="133"/>
      <c r="AG358" s="133"/>
      <c r="AH358" s="133"/>
      <c r="AI358" s="133"/>
      <c r="AJ358" s="133"/>
    </row>
    <row r="359" spans="1:38" s="76" customFormat="1" ht="13.5" customHeight="1">
      <c r="A359" s="127" t="s">
        <v>95</v>
      </c>
      <c r="C359" s="133"/>
      <c r="D359" s="133"/>
      <c r="E359" s="133"/>
      <c r="F359" s="133"/>
      <c r="G359" s="133"/>
      <c r="H359" s="133"/>
      <c r="I359" s="133"/>
      <c r="J359" s="133"/>
      <c r="K359" s="133"/>
      <c r="L359" s="133"/>
      <c r="M359" s="133"/>
      <c r="N359" s="133"/>
      <c r="O359" s="133"/>
      <c r="P359" s="133"/>
      <c r="Q359" s="133"/>
      <c r="R359" s="133"/>
      <c r="S359" s="133"/>
      <c r="T359" s="133"/>
      <c r="U359" s="133"/>
      <c r="V359" s="133"/>
      <c r="W359" s="133"/>
      <c r="X359" s="133"/>
      <c r="Y359" s="133"/>
      <c r="Z359" s="133"/>
      <c r="AA359" s="133"/>
      <c r="AB359" s="133"/>
      <c r="AC359" s="133"/>
      <c r="AD359" s="133"/>
      <c r="AE359" s="133"/>
      <c r="AF359" s="133"/>
      <c r="AG359" s="133"/>
      <c r="AH359" s="133"/>
      <c r="AI359" s="133"/>
      <c r="AJ359" s="133"/>
    </row>
    <row r="360" spans="1:38" s="76" customFormat="1" ht="13.5" customHeight="1" thickBot="1">
      <c r="A360" s="129" t="s">
        <v>219</v>
      </c>
    </row>
    <row r="361" spans="1:38" s="76" customFormat="1" ht="13.5" customHeight="1" thickTop="1">
      <c r="A361" s="266">
        <v>34</v>
      </c>
      <c r="B361" s="302"/>
      <c r="C361" s="270" t="s">
        <v>511</v>
      </c>
      <c r="D361" s="271"/>
      <c r="E361" s="271"/>
      <c r="F361" s="271"/>
      <c r="G361" s="271"/>
      <c r="H361" s="271"/>
      <c r="I361" s="271"/>
      <c r="J361" s="271"/>
      <c r="K361" s="271"/>
      <c r="L361" s="271"/>
      <c r="M361" s="271"/>
      <c r="N361" s="271"/>
      <c r="O361" s="271"/>
      <c r="P361" s="271"/>
      <c r="Q361" s="271"/>
      <c r="R361" s="271"/>
      <c r="S361" s="271"/>
      <c r="T361" s="271"/>
      <c r="U361" s="271"/>
      <c r="V361" s="271"/>
      <c r="W361" s="271"/>
      <c r="X361" s="271"/>
      <c r="Y361" s="271"/>
      <c r="Z361" s="271"/>
      <c r="AA361" s="271"/>
      <c r="AB361" s="271"/>
      <c r="AC361" s="271"/>
      <c r="AD361" s="271"/>
      <c r="AE361" s="271"/>
      <c r="AF361" s="271"/>
      <c r="AG361" s="271"/>
      <c r="AH361" s="271"/>
      <c r="AI361" s="271"/>
      <c r="AJ361" s="271"/>
      <c r="AK361" s="275"/>
      <c r="AL361" s="276"/>
    </row>
    <row r="362" spans="1:38" s="76" customFormat="1" ht="13.5" customHeight="1" thickBot="1">
      <c r="A362" s="268"/>
      <c r="B362" s="303"/>
      <c r="C362" s="272"/>
      <c r="D362" s="281"/>
      <c r="E362" s="281"/>
      <c r="F362" s="281"/>
      <c r="G362" s="281"/>
      <c r="H362" s="281"/>
      <c r="I362" s="281"/>
      <c r="J362" s="281"/>
      <c r="K362" s="281"/>
      <c r="L362" s="281"/>
      <c r="M362" s="281"/>
      <c r="N362" s="281"/>
      <c r="O362" s="281"/>
      <c r="P362" s="281"/>
      <c r="Q362" s="281"/>
      <c r="R362" s="281"/>
      <c r="S362" s="281"/>
      <c r="T362" s="281"/>
      <c r="U362" s="281"/>
      <c r="V362" s="281"/>
      <c r="W362" s="281"/>
      <c r="X362" s="281"/>
      <c r="Y362" s="281"/>
      <c r="Z362" s="281"/>
      <c r="AA362" s="281"/>
      <c r="AB362" s="281"/>
      <c r="AC362" s="281"/>
      <c r="AD362" s="281"/>
      <c r="AE362" s="281"/>
      <c r="AF362" s="281"/>
      <c r="AG362" s="281"/>
      <c r="AH362" s="281"/>
      <c r="AI362" s="281"/>
      <c r="AJ362" s="281"/>
      <c r="AK362" s="277"/>
      <c r="AL362" s="278"/>
    </row>
    <row r="363" spans="1:38" s="76" customFormat="1" ht="13.5" customHeight="1" thickTop="1">
      <c r="C363" s="273"/>
      <c r="D363" s="274"/>
      <c r="E363" s="274"/>
      <c r="F363" s="274"/>
      <c r="G363" s="274"/>
      <c r="H363" s="274"/>
      <c r="I363" s="274"/>
      <c r="J363" s="274"/>
      <c r="K363" s="274"/>
      <c r="L363" s="274"/>
      <c r="M363" s="274"/>
      <c r="N363" s="274"/>
      <c r="O363" s="274"/>
      <c r="P363" s="274"/>
      <c r="Q363" s="274"/>
      <c r="R363" s="274"/>
      <c r="S363" s="274"/>
      <c r="T363" s="274"/>
      <c r="U363" s="274"/>
      <c r="V363" s="274"/>
      <c r="W363" s="274"/>
      <c r="X363" s="274"/>
      <c r="Y363" s="274"/>
      <c r="Z363" s="274"/>
      <c r="AA363" s="274"/>
      <c r="AB363" s="274"/>
      <c r="AC363" s="274"/>
      <c r="AD363" s="274"/>
      <c r="AE363" s="274"/>
      <c r="AF363" s="274"/>
      <c r="AG363" s="274"/>
      <c r="AH363" s="274"/>
      <c r="AI363" s="274"/>
      <c r="AJ363" s="314"/>
    </row>
    <row r="364" spans="1:38" s="76" customFormat="1" ht="13.5" customHeight="1" thickBot="1">
      <c r="C364" s="133"/>
      <c r="D364" s="133"/>
      <c r="E364" s="133"/>
      <c r="F364" s="133"/>
      <c r="G364" s="133"/>
      <c r="H364" s="133"/>
      <c r="I364" s="133"/>
      <c r="J364" s="133"/>
      <c r="K364" s="133"/>
      <c r="L364" s="133"/>
      <c r="M364" s="133"/>
      <c r="N364" s="133"/>
      <c r="O364" s="133"/>
      <c r="P364" s="133"/>
      <c r="Q364" s="133"/>
      <c r="R364" s="133"/>
      <c r="S364" s="133"/>
      <c r="T364" s="133"/>
      <c r="U364" s="133"/>
      <c r="V364" s="133"/>
      <c r="W364" s="133"/>
      <c r="X364" s="133"/>
      <c r="Y364" s="133"/>
      <c r="Z364" s="133"/>
      <c r="AA364" s="133"/>
      <c r="AB364" s="133"/>
      <c r="AC364" s="133"/>
      <c r="AD364" s="133"/>
      <c r="AE364" s="133"/>
      <c r="AF364" s="133"/>
      <c r="AG364" s="133"/>
      <c r="AH364" s="133"/>
      <c r="AI364" s="133"/>
      <c r="AJ364" s="133"/>
    </row>
    <row r="365" spans="1:38" s="76" customFormat="1" ht="13.5" customHeight="1" thickTop="1">
      <c r="A365" s="266">
        <v>35</v>
      </c>
      <c r="B365" s="302"/>
      <c r="C365" s="270" t="s">
        <v>512</v>
      </c>
      <c r="D365" s="271"/>
      <c r="E365" s="271"/>
      <c r="F365" s="271"/>
      <c r="G365" s="271"/>
      <c r="H365" s="271"/>
      <c r="I365" s="271"/>
      <c r="J365" s="271"/>
      <c r="K365" s="271"/>
      <c r="L365" s="271"/>
      <c r="M365" s="271"/>
      <c r="N365" s="271"/>
      <c r="O365" s="271"/>
      <c r="P365" s="271"/>
      <c r="Q365" s="271"/>
      <c r="R365" s="271"/>
      <c r="S365" s="271"/>
      <c r="T365" s="271"/>
      <c r="U365" s="271"/>
      <c r="V365" s="271"/>
      <c r="W365" s="271"/>
      <c r="X365" s="271"/>
      <c r="Y365" s="271"/>
      <c r="Z365" s="271"/>
      <c r="AA365" s="271"/>
      <c r="AB365" s="271"/>
      <c r="AC365" s="271"/>
      <c r="AD365" s="271"/>
      <c r="AE365" s="271"/>
      <c r="AF365" s="271"/>
      <c r="AG365" s="271"/>
      <c r="AH365" s="271"/>
      <c r="AI365" s="271"/>
      <c r="AJ365" s="271"/>
      <c r="AK365" s="275"/>
      <c r="AL365" s="276"/>
    </row>
    <row r="366" spans="1:38" s="76" customFormat="1" ht="13.5" customHeight="1" thickBot="1">
      <c r="A366" s="268"/>
      <c r="B366" s="303"/>
      <c r="C366" s="273"/>
      <c r="D366" s="274"/>
      <c r="E366" s="274"/>
      <c r="F366" s="274"/>
      <c r="G366" s="274"/>
      <c r="H366" s="274"/>
      <c r="I366" s="274"/>
      <c r="J366" s="274"/>
      <c r="K366" s="274"/>
      <c r="L366" s="274"/>
      <c r="M366" s="274"/>
      <c r="N366" s="274"/>
      <c r="O366" s="274"/>
      <c r="P366" s="274"/>
      <c r="Q366" s="274"/>
      <c r="R366" s="274"/>
      <c r="S366" s="274"/>
      <c r="T366" s="274"/>
      <c r="U366" s="274"/>
      <c r="V366" s="274"/>
      <c r="W366" s="274"/>
      <c r="X366" s="274"/>
      <c r="Y366" s="274"/>
      <c r="Z366" s="274"/>
      <c r="AA366" s="274"/>
      <c r="AB366" s="274"/>
      <c r="AC366" s="274"/>
      <c r="AD366" s="274"/>
      <c r="AE366" s="274"/>
      <c r="AF366" s="274"/>
      <c r="AG366" s="274"/>
      <c r="AH366" s="274"/>
      <c r="AI366" s="274"/>
      <c r="AJ366" s="274"/>
      <c r="AK366" s="277"/>
      <c r="AL366" s="278"/>
    </row>
    <row r="367" spans="1:38" s="76" customFormat="1" ht="13.5" customHeight="1" thickTop="1" thickBot="1">
      <c r="C367" s="133"/>
      <c r="D367" s="133"/>
      <c r="E367" s="133"/>
      <c r="F367" s="133"/>
      <c r="G367" s="133"/>
      <c r="H367" s="133"/>
      <c r="I367" s="133"/>
      <c r="J367" s="133"/>
      <c r="K367" s="133"/>
      <c r="L367" s="133"/>
      <c r="M367" s="133"/>
      <c r="N367" s="133"/>
      <c r="O367" s="133"/>
      <c r="P367" s="133"/>
      <c r="Q367" s="133"/>
      <c r="R367" s="133"/>
      <c r="S367" s="133"/>
      <c r="T367" s="133"/>
      <c r="U367" s="133"/>
      <c r="V367" s="133"/>
      <c r="W367" s="133"/>
      <c r="X367" s="133"/>
      <c r="Y367" s="133"/>
      <c r="Z367" s="133"/>
      <c r="AA367" s="133"/>
      <c r="AB367" s="133"/>
      <c r="AC367" s="133"/>
      <c r="AD367" s="133"/>
      <c r="AE367" s="133"/>
      <c r="AF367" s="133"/>
      <c r="AG367" s="133"/>
      <c r="AH367" s="133"/>
      <c r="AI367" s="133"/>
      <c r="AJ367" s="133"/>
    </row>
    <row r="368" spans="1:38" s="76" customFormat="1" ht="13.5" customHeight="1" thickTop="1">
      <c r="A368" s="266">
        <v>36</v>
      </c>
      <c r="B368" s="302"/>
      <c r="C368" s="270" t="s">
        <v>513</v>
      </c>
      <c r="D368" s="271"/>
      <c r="E368" s="271"/>
      <c r="F368" s="271"/>
      <c r="G368" s="271"/>
      <c r="H368" s="271"/>
      <c r="I368" s="271"/>
      <c r="J368" s="271"/>
      <c r="K368" s="271"/>
      <c r="L368" s="271"/>
      <c r="M368" s="271"/>
      <c r="N368" s="271"/>
      <c r="O368" s="271"/>
      <c r="P368" s="271"/>
      <c r="Q368" s="271"/>
      <c r="R368" s="271"/>
      <c r="S368" s="271"/>
      <c r="T368" s="271"/>
      <c r="U368" s="271"/>
      <c r="V368" s="271"/>
      <c r="W368" s="271"/>
      <c r="X368" s="271"/>
      <c r="Y368" s="271"/>
      <c r="Z368" s="271"/>
      <c r="AA368" s="271"/>
      <c r="AB368" s="271"/>
      <c r="AC368" s="271"/>
      <c r="AD368" s="271"/>
      <c r="AE368" s="271"/>
      <c r="AF368" s="271"/>
      <c r="AG368" s="271"/>
      <c r="AH368" s="271"/>
      <c r="AI368" s="271"/>
      <c r="AJ368" s="279"/>
      <c r="AK368" s="275"/>
      <c r="AL368" s="276"/>
    </row>
    <row r="369" spans="1:38" s="76" customFormat="1" ht="13.5" customHeight="1" thickBot="1">
      <c r="A369" s="268"/>
      <c r="B369" s="303"/>
      <c r="C369" s="273"/>
      <c r="D369" s="274"/>
      <c r="E369" s="274"/>
      <c r="F369" s="274"/>
      <c r="G369" s="274"/>
      <c r="H369" s="274"/>
      <c r="I369" s="274"/>
      <c r="J369" s="274"/>
      <c r="K369" s="274"/>
      <c r="L369" s="274"/>
      <c r="M369" s="274"/>
      <c r="N369" s="274"/>
      <c r="O369" s="274"/>
      <c r="P369" s="274"/>
      <c r="Q369" s="274"/>
      <c r="R369" s="274"/>
      <c r="S369" s="274"/>
      <c r="T369" s="274"/>
      <c r="U369" s="274"/>
      <c r="V369" s="274"/>
      <c r="W369" s="274"/>
      <c r="X369" s="274"/>
      <c r="Y369" s="274"/>
      <c r="Z369" s="274"/>
      <c r="AA369" s="274"/>
      <c r="AB369" s="274"/>
      <c r="AC369" s="274"/>
      <c r="AD369" s="274"/>
      <c r="AE369" s="274"/>
      <c r="AF369" s="274"/>
      <c r="AG369" s="274"/>
      <c r="AH369" s="274"/>
      <c r="AI369" s="274"/>
      <c r="AJ369" s="280"/>
      <c r="AK369" s="277"/>
      <c r="AL369" s="278"/>
    </row>
    <row r="370" spans="1:38" s="76" customFormat="1" ht="13.5" customHeight="1" thickTop="1">
      <c r="C370" s="133"/>
      <c r="D370" s="133"/>
      <c r="E370" s="133"/>
      <c r="F370" s="133"/>
      <c r="G370" s="133"/>
      <c r="H370" s="133"/>
      <c r="I370" s="133"/>
      <c r="J370" s="133"/>
      <c r="K370" s="133"/>
      <c r="L370" s="133"/>
      <c r="M370" s="133"/>
      <c r="N370" s="133"/>
      <c r="O370" s="133"/>
      <c r="P370" s="133"/>
      <c r="Q370" s="133"/>
      <c r="R370" s="133"/>
      <c r="S370" s="133"/>
      <c r="T370" s="133"/>
      <c r="U370" s="133"/>
      <c r="V370" s="133"/>
      <c r="W370" s="133"/>
      <c r="X370" s="133"/>
      <c r="Y370" s="133"/>
      <c r="Z370" s="133"/>
      <c r="AA370" s="133"/>
      <c r="AB370" s="133"/>
      <c r="AC370" s="133"/>
      <c r="AD370" s="133"/>
      <c r="AE370" s="133"/>
      <c r="AF370" s="133"/>
      <c r="AG370" s="133"/>
      <c r="AH370" s="133"/>
      <c r="AI370" s="133"/>
      <c r="AJ370" s="133"/>
    </row>
    <row r="371" spans="1:38" s="76" customFormat="1" ht="13.5" customHeight="1">
      <c r="A371" s="127" t="s">
        <v>96</v>
      </c>
    </row>
    <row r="372" spans="1:38" s="76" customFormat="1" ht="13.5" customHeight="1" thickBot="1">
      <c r="A372" s="129" t="s">
        <v>220</v>
      </c>
    </row>
    <row r="373" spans="1:38" s="76" customFormat="1" ht="13.5" customHeight="1" thickTop="1">
      <c r="A373" s="266">
        <v>37</v>
      </c>
      <c r="B373" s="302"/>
      <c r="C373" s="270" t="s">
        <v>514</v>
      </c>
      <c r="D373" s="271"/>
      <c r="E373" s="271"/>
      <c r="F373" s="271"/>
      <c r="G373" s="271"/>
      <c r="H373" s="271"/>
      <c r="I373" s="271"/>
      <c r="J373" s="271"/>
      <c r="K373" s="271"/>
      <c r="L373" s="271"/>
      <c r="M373" s="271"/>
      <c r="N373" s="271"/>
      <c r="O373" s="271"/>
      <c r="P373" s="271"/>
      <c r="Q373" s="271"/>
      <c r="R373" s="271"/>
      <c r="S373" s="271"/>
      <c r="T373" s="271"/>
      <c r="U373" s="271"/>
      <c r="V373" s="271"/>
      <c r="W373" s="271"/>
      <c r="X373" s="271"/>
      <c r="Y373" s="271"/>
      <c r="Z373" s="271"/>
      <c r="AA373" s="271"/>
      <c r="AB373" s="271"/>
      <c r="AC373" s="271"/>
      <c r="AD373" s="271"/>
      <c r="AE373" s="271"/>
      <c r="AF373" s="271"/>
      <c r="AG373" s="271"/>
      <c r="AH373" s="271"/>
      <c r="AI373" s="271"/>
      <c r="AJ373" s="279"/>
      <c r="AK373" s="275"/>
      <c r="AL373" s="276"/>
    </row>
    <row r="374" spans="1:38" s="76" customFormat="1" ht="13.5" customHeight="1" thickBot="1">
      <c r="A374" s="268"/>
      <c r="B374" s="303"/>
      <c r="C374" s="273"/>
      <c r="D374" s="274"/>
      <c r="E374" s="274"/>
      <c r="F374" s="274"/>
      <c r="G374" s="274"/>
      <c r="H374" s="274"/>
      <c r="I374" s="274"/>
      <c r="J374" s="274"/>
      <c r="K374" s="274"/>
      <c r="L374" s="274"/>
      <c r="M374" s="274"/>
      <c r="N374" s="274"/>
      <c r="O374" s="274"/>
      <c r="P374" s="274"/>
      <c r="Q374" s="274"/>
      <c r="R374" s="274"/>
      <c r="S374" s="274"/>
      <c r="T374" s="274"/>
      <c r="U374" s="274"/>
      <c r="V374" s="274"/>
      <c r="W374" s="274"/>
      <c r="X374" s="274"/>
      <c r="Y374" s="274"/>
      <c r="Z374" s="274"/>
      <c r="AA374" s="274"/>
      <c r="AB374" s="274"/>
      <c r="AC374" s="274"/>
      <c r="AD374" s="274"/>
      <c r="AE374" s="274"/>
      <c r="AF374" s="274"/>
      <c r="AG374" s="274"/>
      <c r="AH374" s="274"/>
      <c r="AI374" s="274"/>
      <c r="AJ374" s="280"/>
      <c r="AK374" s="277"/>
      <c r="AL374" s="278"/>
    </row>
    <row r="375" spans="1:38" s="76" customFormat="1" ht="13.5" customHeight="1" thickTop="1">
      <c r="A375" s="166"/>
      <c r="B375" s="166"/>
      <c r="C375" s="126"/>
      <c r="D375" s="126"/>
      <c r="E375" s="126"/>
      <c r="F375" s="126"/>
      <c r="G375" s="126"/>
      <c r="H375" s="126"/>
      <c r="I375" s="126"/>
      <c r="J375" s="126"/>
      <c r="K375" s="126"/>
      <c r="L375" s="126"/>
      <c r="M375" s="126"/>
      <c r="N375" s="126"/>
      <c r="O375" s="126"/>
      <c r="P375" s="126"/>
      <c r="Q375" s="126"/>
      <c r="R375" s="126"/>
      <c r="S375" s="126"/>
      <c r="T375" s="126"/>
      <c r="U375" s="126"/>
      <c r="V375" s="126"/>
      <c r="W375" s="126"/>
      <c r="X375" s="126"/>
      <c r="Y375" s="126"/>
      <c r="Z375" s="126"/>
      <c r="AA375" s="126"/>
      <c r="AB375" s="126"/>
      <c r="AC375" s="126"/>
      <c r="AD375" s="126"/>
      <c r="AE375" s="126"/>
      <c r="AF375" s="126"/>
      <c r="AG375" s="126"/>
      <c r="AH375" s="126"/>
      <c r="AI375" s="126"/>
      <c r="AJ375" s="126"/>
      <c r="AK375" s="126"/>
      <c r="AL375" s="126"/>
    </row>
    <row r="376" spans="1:38" s="76" customFormat="1" ht="13.5" customHeight="1">
      <c r="A376" s="96"/>
      <c r="B376" s="96"/>
      <c r="C376" s="285" t="s">
        <v>186</v>
      </c>
      <c r="D376" s="286"/>
      <c r="E376" s="286"/>
      <c r="F376" s="286"/>
      <c r="G376" s="286"/>
      <c r="H376" s="286"/>
      <c r="I376" s="286"/>
      <c r="J376" s="286"/>
      <c r="K376" s="286"/>
      <c r="L376" s="286"/>
      <c r="M376" s="286"/>
      <c r="N376" s="286"/>
      <c r="O376" s="286"/>
      <c r="P376" s="286"/>
      <c r="Q376" s="286"/>
      <c r="R376" s="286"/>
      <c r="S376" s="286"/>
      <c r="T376" s="286"/>
      <c r="U376" s="286"/>
      <c r="V376" s="286"/>
      <c r="W376" s="286"/>
      <c r="X376" s="286"/>
      <c r="Y376" s="286"/>
      <c r="Z376" s="286"/>
      <c r="AA376" s="286"/>
      <c r="AB376" s="286"/>
      <c r="AC376" s="286"/>
      <c r="AD376" s="286"/>
      <c r="AE376" s="286"/>
      <c r="AF376" s="286"/>
      <c r="AG376" s="286"/>
      <c r="AH376" s="286"/>
      <c r="AI376" s="286"/>
      <c r="AJ376" s="287"/>
      <c r="AK376" s="138"/>
      <c r="AL376" s="126"/>
    </row>
    <row r="377" spans="1:38" s="76" customFormat="1" ht="13.5" customHeight="1">
      <c r="A377" s="96"/>
      <c r="B377" s="148"/>
      <c r="C377" s="309"/>
      <c r="D377" s="251"/>
      <c r="E377" s="251"/>
      <c r="F377" s="251"/>
      <c r="G377" s="251"/>
      <c r="H377" s="251"/>
      <c r="I377" s="251"/>
      <c r="J377" s="251"/>
      <c r="K377" s="251"/>
      <c r="L377" s="251"/>
      <c r="M377" s="251"/>
      <c r="N377" s="251"/>
      <c r="O377" s="251"/>
      <c r="P377" s="251"/>
      <c r="Q377" s="251"/>
      <c r="R377" s="251"/>
      <c r="S377" s="251"/>
      <c r="T377" s="251"/>
      <c r="U377" s="251"/>
      <c r="V377" s="251"/>
      <c r="W377" s="251"/>
      <c r="X377" s="251"/>
      <c r="Y377" s="251"/>
      <c r="Z377" s="251"/>
      <c r="AA377" s="251"/>
      <c r="AB377" s="251"/>
      <c r="AC377" s="251"/>
      <c r="AD377" s="251"/>
      <c r="AE377" s="251"/>
      <c r="AF377" s="251"/>
      <c r="AG377" s="251"/>
      <c r="AH377" s="251"/>
      <c r="AI377" s="251"/>
      <c r="AJ377" s="310"/>
      <c r="AK377" s="138"/>
      <c r="AL377" s="126"/>
    </row>
    <row r="378" spans="1:38" s="76" customFormat="1" ht="13.5" customHeight="1">
      <c r="A378" s="96"/>
      <c r="B378" s="96"/>
      <c r="C378" s="309"/>
      <c r="D378" s="251"/>
      <c r="E378" s="251"/>
      <c r="F378" s="251"/>
      <c r="G378" s="251"/>
      <c r="H378" s="251"/>
      <c r="I378" s="251"/>
      <c r="J378" s="251"/>
      <c r="K378" s="251"/>
      <c r="L378" s="251"/>
      <c r="M378" s="251"/>
      <c r="N378" s="251"/>
      <c r="O378" s="251"/>
      <c r="P378" s="251"/>
      <c r="Q378" s="251"/>
      <c r="R378" s="251"/>
      <c r="S378" s="251"/>
      <c r="T378" s="251"/>
      <c r="U378" s="251"/>
      <c r="V378" s="251"/>
      <c r="W378" s="251"/>
      <c r="X378" s="251"/>
      <c r="Y378" s="251"/>
      <c r="Z378" s="251"/>
      <c r="AA378" s="251"/>
      <c r="AB378" s="251"/>
      <c r="AC378" s="251"/>
      <c r="AD378" s="251"/>
      <c r="AE378" s="251"/>
      <c r="AF378" s="251"/>
      <c r="AG378" s="251"/>
      <c r="AH378" s="251"/>
      <c r="AI378" s="251"/>
      <c r="AJ378" s="310"/>
      <c r="AK378" s="138"/>
      <c r="AL378" s="126"/>
    </row>
    <row r="379" spans="1:38" s="76" customFormat="1" ht="13.5" customHeight="1">
      <c r="A379" s="96"/>
      <c r="B379" s="96"/>
      <c r="C379" s="288"/>
      <c r="D379" s="289"/>
      <c r="E379" s="289"/>
      <c r="F379" s="289"/>
      <c r="G379" s="289"/>
      <c r="H379" s="289"/>
      <c r="I379" s="289"/>
      <c r="J379" s="289"/>
      <c r="K379" s="289"/>
      <c r="L379" s="289"/>
      <c r="M379" s="289"/>
      <c r="N379" s="289"/>
      <c r="O379" s="289"/>
      <c r="P379" s="289"/>
      <c r="Q379" s="289"/>
      <c r="R379" s="289"/>
      <c r="S379" s="289"/>
      <c r="T379" s="289"/>
      <c r="U379" s="289"/>
      <c r="V379" s="289"/>
      <c r="W379" s="289"/>
      <c r="X379" s="289"/>
      <c r="Y379" s="289"/>
      <c r="Z379" s="289"/>
      <c r="AA379" s="289"/>
      <c r="AB379" s="289"/>
      <c r="AC379" s="289"/>
      <c r="AD379" s="289"/>
      <c r="AE379" s="289"/>
      <c r="AF379" s="289"/>
      <c r="AG379" s="289"/>
      <c r="AH379" s="289"/>
      <c r="AI379" s="289"/>
      <c r="AJ379" s="290"/>
      <c r="AK379" s="153"/>
    </row>
    <row r="380" spans="1:38" s="76" customFormat="1" ht="13.5" customHeight="1" thickBot="1">
      <c r="A380" s="96"/>
      <c r="B380" s="96"/>
      <c r="C380" s="139"/>
      <c r="D380" s="139"/>
      <c r="E380" s="139"/>
      <c r="F380" s="139"/>
      <c r="G380" s="139"/>
      <c r="H380" s="139"/>
      <c r="I380" s="139"/>
      <c r="J380" s="139"/>
      <c r="K380" s="139"/>
      <c r="L380" s="139"/>
      <c r="M380" s="139"/>
      <c r="N380" s="139"/>
      <c r="O380" s="139"/>
      <c r="P380" s="139"/>
      <c r="Q380" s="139"/>
      <c r="R380" s="139"/>
      <c r="S380" s="139"/>
      <c r="T380" s="139"/>
      <c r="U380" s="139"/>
      <c r="V380" s="139"/>
      <c r="W380" s="139"/>
      <c r="X380" s="139"/>
      <c r="Y380" s="139"/>
      <c r="Z380" s="139"/>
      <c r="AA380" s="139"/>
      <c r="AB380" s="139"/>
      <c r="AC380" s="139"/>
      <c r="AD380" s="139"/>
      <c r="AE380" s="139"/>
      <c r="AF380" s="139"/>
      <c r="AG380" s="139"/>
      <c r="AH380" s="139"/>
      <c r="AI380" s="139"/>
      <c r="AJ380" s="139"/>
      <c r="AK380" s="96"/>
    </row>
    <row r="381" spans="1:38" s="76" customFormat="1" ht="13.5" customHeight="1" thickTop="1">
      <c r="A381" s="96"/>
      <c r="B381" s="96"/>
      <c r="C381" s="306" t="s">
        <v>97</v>
      </c>
      <c r="D381" s="262"/>
      <c r="E381" s="262"/>
      <c r="F381" s="262"/>
      <c r="G381" s="262"/>
      <c r="H381" s="262"/>
      <c r="I381" s="262"/>
      <c r="J381" s="262"/>
      <c r="K381" s="262"/>
      <c r="L381" s="262"/>
      <c r="M381" s="262"/>
      <c r="N381" s="262"/>
      <c r="O381" s="262"/>
      <c r="P381" s="262"/>
      <c r="Q381" s="262"/>
      <c r="R381" s="262"/>
      <c r="S381" s="262"/>
      <c r="T381" s="262"/>
      <c r="U381" s="262"/>
      <c r="V381" s="262"/>
      <c r="W381" s="262"/>
      <c r="X381" s="262"/>
      <c r="Y381" s="262"/>
      <c r="Z381" s="262"/>
      <c r="AA381" s="262"/>
      <c r="AB381" s="262"/>
      <c r="AC381" s="262"/>
      <c r="AD381" s="262"/>
      <c r="AE381" s="262"/>
      <c r="AF381" s="262"/>
      <c r="AG381" s="262"/>
      <c r="AH381" s="262"/>
      <c r="AI381" s="262"/>
      <c r="AJ381" s="311"/>
      <c r="AK381" s="275"/>
      <c r="AL381" s="276"/>
    </row>
    <row r="382" spans="1:38" s="76" customFormat="1" ht="13.5" customHeight="1" thickBot="1">
      <c r="A382" s="96"/>
      <c r="B382" s="148"/>
      <c r="C382" s="308"/>
      <c r="D382" s="284"/>
      <c r="E382" s="284"/>
      <c r="F382" s="284"/>
      <c r="G382" s="284"/>
      <c r="H382" s="284"/>
      <c r="I382" s="284"/>
      <c r="J382" s="284"/>
      <c r="K382" s="284"/>
      <c r="L382" s="284"/>
      <c r="M382" s="284"/>
      <c r="N382" s="284"/>
      <c r="O382" s="284"/>
      <c r="P382" s="284"/>
      <c r="Q382" s="284"/>
      <c r="R382" s="284"/>
      <c r="S382" s="284"/>
      <c r="T382" s="284"/>
      <c r="U382" s="284"/>
      <c r="V382" s="284"/>
      <c r="W382" s="284"/>
      <c r="X382" s="284"/>
      <c r="Y382" s="284"/>
      <c r="Z382" s="284"/>
      <c r="AA382" s="284"/>
      <c r="AB382" s="284"/>
      <c r="AC382" s="284"/>
      <c r="AD382" s="284"/>
      <c r="AE382" s="284"/>
      <c r="AF382" s="284"/>
      <c r="AG382" s="284"/>
      <c r="AH382" s="284"/>
      <c r="AI382" s="284"/>
      <c r="AJ382" s="321"/>
      <c r="AK382" s="277"/>
      <c r="AL382" s="278"/>
    </row>
    <row r="383" spans="1:38" s="76" customFormat="1" ht="13.5" customHeight="1" thickTop="1">
      <c r="A383" s="96"/>
      <c r="B383" s="148"/>
      <c r="C383" s="306" t="s">
        <v>98</v>
      </c>
      <c r="D383" s="262"/>
      <c r="E383" s="262"/>
      <c r="F383" s="262"/>
      <c r="G383" s="262"/>
      <c r="H383" s="262"/>
      <c r="I383" s="262"/>
      <c r="J383" s="262"/>
      <c r="K383" s="262"/>
      <c r="L383" s="262"/>
      <c r="M383" s="262"/>
      <c r="N383" s="262"/>
      <c r="O383" s="262"/>
      <c r="P383" s="262"/>
      <c r="Q383" s="262"/>
      <c r="R383" s="262"/>
      <c r="S383" s="262"/>
      <c r="T383" s="262"/>
      <c r="U383" s="262"/>
      <c r="V383" s="262"/>
      <c r="W383" s="262"/>
      <c r="X383" s="262"/>
      <c r="Y383" s="262"/>
      <c r="Z383" s="262"/>
      <c r="AA383" s="262"/>
      <c r="AB383" s="262"/>
      <c r="AC383" s="262"/>
      <c r="AD383" s="262"/>
      <c r="AE383" s="262"/>
      <c r="AF383" s="262"/>
      <c r="AG383" s="262"/>
      <c r="AH383" s="262"/>
      <c r="AI383" s="262"/>
      <c r="AJ383" s="379"/>
      <c r="AK383" s="275"/>
      <c r="AL383" s="276"/>
    </row>
    <row r="384" spans="1:38" s="76" customFormat="1" ht="13.5" customHeight="1" thickBot="1">
      <c r="A384" s="96"/>
      <c r="B384" s="148"/>
      <c r="C384" s="308"/>
      <c r="D384" s="284"/>
      <c r="E384" s="284"/>
      <c r="F384" s="284"/>
      <c r="G384" s="284"/>
      <c r="H384" s="284"/>
      <c r="I384" s="284"/>
      <c r="J384" s="284"/>
      <c r="K384" s="284"/>
      <c r="L384" s="284"/>
      <c r="M384" s="284"/>
      <c r="N384" s="284"/>
      <c r="O384" s="284"/>
      <c r="P384" s="284"/>
      <c r="Q384" s="284"/>
      <c r="R384" s="284"/>
      <c r="S384" s="284"/>
      <c r="T384" s="284"/>
      <c r="U384" s="284"/>
      <c r="V384" s="284"/>
      <c r="W384" s="284"/>
      <c r="X384" s="284"/>
      <c r="Y384" s="284"/>
      <c r="Z384" s="284"/>
      <c r="AA384" s="284"/>
      <c r="AB384" s="284"/>
      <c r="AC384" s="284"/>
      <c r="AD384" s="284"/>
      <c r="AE384" s="284"/>
      <c r="AF384" s="284"/>
      <c r="AG384" s="284"/>
      <c r="AH384" s="284"/>
      <c r="AI384" s="284"/>
      <c r="AJ384" s="313"/>
      <c r="AK384" s="277"/>
      <c r="AL384" s="278"/>
    </row>
    <row r="385" spans="1:38" s="76" customFormat="1" ht="13.5" customHeight="1" thickTop="1">
      <c r="A385" s="96"/>
      <c r="B385" s="148"/>
      <c r="C385" s="306" t="s">
        <v>281</v>
      </c>
      <c r="D385" s="262"/>
      <c r="E385" s="262"/>
      <c r="F385" s="262"/>
      <c r="G385" s="262"/>
      <c r="H385" s="262"/>
      <c r="I385" s="262"/>
      <c r="J385" s="262"/>
      <c r="K385" s="262"/>
      <c r="L385" s="262"/>
      <c r="M385" s="262"/>
      <c r="N385" s="262"/>
      <c r="O385" s="262"/>
      <c r="P385" s="262"/>
      <c r="Q385" s="262"/>
      <c r="R385" s="262"/>
      <c r="S385" s="262"/>
      <c r="T385" s="262"/>
      <c r="U385" s="262"/>
      <c r="V385" s="262"/>
      <c r="W385" s="262"/>
      <c r="X385" s="262"/>
      <c r="Y385" s="262"/>
      <c r="Z385" s="262"/>
      <c r="AA385" s="262"/>
      <c r="AB385" s="262"/>
      <c r="AC385" s="262"/>
      <c r="AD385" s="262"/>
      <c r="AE385" s="262"/>
      <c r="AF385" s="262"/>
      <c r="AG385" s="262"/>
      <c r="AH385" s="262"/>
      <c r="AI385" s="262"/>
      <c r="AJ385" s="379"/>
      <c r="AK385" s="275"/>
      <c r="AL385" s="276"/>
    </row>
    <row r="386" spans="1:38" s="76" customFormat="1" ht="13.5" customHeight="1" thickBot="1">
      <c r="A386" s="96"/>
      <c r="B386" s="148"/>
      <c r="C386" s="308"/>
      <c r="D386" s="284"/>
      <c r="E386" s="284"/>
      <c r="F386" s="284"/>
      <c r="G386" s="284"/>
      <c r="H386" s="284"/>
      <c r="I386" s="284"/>
      <c r="J386" s="284"/>
      <c r="K386" s="284"/>
      <c r="L386" s="284"/>
      <c r="M386" s="284"/>
      <c r="N386" s="284"/>
      <c r="O386" s="284"/>
      <c r="P386" s="284"/>
      <c r="Q386" s="284"/>
      <c r="R386" s="284"/>
      <c r="S386" s="284"/>
      <c r="T386" s="284"/>
      <c r="U386" s="284"/>
      <c r="V386" s="284"/>
      <c r="W386" s="284"/>
      <c r="X386" s="284"/>
      <c r="Y386" s="284"/>
      <c r="Z386" s="284"/>
      <c r="AA386" s="284"/>
      <c r="AB386" s="284"/>
      <c r="AC386" s="284"/>
      <c r="AD386" s="284"/>
      <c r="AE386" s="284"/>
      <c r="AF386" s="284"/>
      <c r="AG386" s="284"/>
      <c r="AH386" s="284"/>
      <c r="AI386" s="284"/>
      <c r="AJ386" s="313"/>
      <c r="AK386" s="277"/>
      <c r="AL386" s="278"/>
    </row>
    <row r="387" spans="1:38" s="76" customFormat="1" ht="13.5" customHeight="1" thickTop="1">
      <c r="A387" s="96"/>
      <c r="B387" s="148"/>
      <c r="C387" s="306" t="s">
        <v>187</v>
      </c>
      <c r="D387" s="262"/>
      <c r="E387" s="262"/>
      <c r="F387" s="262"/>
      <c r="G387" s="262"/>
      <c r="H387" s="262"/>
      <c r="I387" s="262"/>
      <c r="J387" s="262"/>
      <c r="K387" s="262"/>
      <c r="L387" s="262"/>
      <c r="M387" s="262"/>
      <c r="N387" s="262"/>
      <c r="O387" s="262"/>
      <c r="P387" s="262"/>
      <c r="Q387" s="262"/>
      <c r="R387" s="262"/>
      <c r="S387" s="262"/>
      <c r="T387" s="262"/>
      <c r="U387" s="262"/>
      <c r="V387" s="262"/>
      <c r="W387" s="262"/>
      <c r="X387" s="262"/>
      <c r="Y387" s="262"/>
      <c r="Z387" s="262"/>
      <c r="AA387" s="262"/>
      <c r="AB387" s="262"/>
      <c r="AC387" s="262"/>
      <c r="AD387" s="262"/>
      <c r="AE387" s="262"/>
      <c r="AF387" s="262"/>
      <c r="AG387" s="262"/>
      <c r="AH387" s="262"/>
      <c r="AI387" s="262"/>
      <c r="AJ387" s="311"/>
      <c r="AK387" s="275"/>
      <c r="AL387" s="276"/>
    </row>
    <row r="388" spans="1:38" s="76" customFormat="1" ht="13.5" customHeight="1" thickBot="1">
      <c r="A388" s="96"/>
      <c r="B388" s="148"/>
      <c r="C388" s="308"/>
      <c r="D388" s="284"/>
      <c r="E388" s="284"/>
      <c r="F388" s="284"/>
      <c r="G388" s="284"/>
      <c r="H388" s="284"/>
      <c r="I388" s="284"/>
      <c r="J388" s="284"/>
      <c r="K388" s="284"/>
      <c r="L388" s="284"/>
      <c r="M388" s="284"/>
      <c r="N388" s="284"/>
      <c r="O388" s="284"/>
      <c r="P388" s="284"/>
      <c r="Q388" s="284"/>
      <c r="R388" s="284"/>
      <c r="S388" s="284"/>
      <c r="T388" s="284"/>
      <c r="U388" s="284"/>
      <c r="V388" s="284"/>
      <c r="W388" s="284"/>
      <c r="X388" s="284"/>
      <c r="Y388" s="284"/>
      <c r="Z388" s="284"/>
      <c r="AA388" s="284"/>
      <c r="AB388" s="284"/>
      <c r="AC388" s="284"/>
      <c r="AD388" s="284"/>
      <c r="AE388" s="284"/>
      <c r="AF388" s="284"/>
      <c r="AG388" s="284"/>
      <c r="AH388" s="284"/>
      <c r="AI388" s="284"/>
      <c r="AJ388" s="321"/>
      <c r="AK388" s="277"/>
      <c r="AL388" s="278"/>
    </row>
    <row r="389" spans="1:38" s="76" customFormat="1" ht="13.5" customHeight="1" thickTop="1">
      <c r="A389" s="96"/>
      <c r="B389" s="96"/>
      <c r="C389" s="306" t="s">
        <v>99</v>
      </c>
      <c r="D389" s="262"/>
      <c r="E389" s="262"/>
      <c r="F389" s="262"/>
      <c r="G389" s="262"/>
      <c r="H389" s="262"/>
      <c r="I389" s="262"/>
      <c r="J389" s="262"/>
      <c r="K389" s="262"/>
      <c r="L389" s="262"/>
      <c r="M389" s="262"/>
      <c r="N389" s="262"/>
      <c r="O389" s="262"/>
      <c r="P389" s="262"/>
      <c r="Q389" s="262"/>
      <c r="R389" s="262"/>
      <c r="S389" s="262"/>
      <c r="T389" s="262"/>
      <c r="U389" s="262"/>
      <c r="V389" s="262"/>
      <c r="W389" s="262"/>
      <c r="X389" s="262"/>
      <c r="Y389" s="262"/>
      <c r="Z389" s="262"/>
      <c r="AA389" s="262"/>
      <c r="AB389" s="262"/>
      <c r="AC389" s="262"/>
      <c r="AD389" s="262"/>
      <c r="AE389" s="262"/>
      <c r="AF389" s="262"/>
      <c r="AG389" s="262"/>
      <c r="AH389" s="262"/>
      <c r="AI389" s="262"/>
      <c r="AJ389" s="379"/>
      <c r="AK389" s="126"/>
      <c r="AL389" s="126"/>
    </row>
    <row r="390" spans="1:38" s="76" customFormat="1" ht="13.5" customHeight="1">
      <c r="A390" s="96"/>
      <c r="B390" s="96"/>
      <c r="C390" s="307"/>
      <c r="D390" s="281"/>
      <c r="E390" s="281"/>
      <c r="F390" s="281"/>
      <c r="G390" s="281"/>
      <c r="H390" s="281"/>
      <c r="I390" s="281"/>
      <c r="J390" s="281"/>
      <c r="K390" s="281"/>
      <c r="L390" s="281"/>
      <c r="M390" s="281"/>
      <c r="N390" s="281"/>
      <c r="O390" s="281"/>
      <c r="P390" s="281"/>
      <c r="Q390" s="281"/>
      <c r="R390" s="281"/>
      <c r="S390" s="281"/>
      <c r="T390" s="281"/>
      <c r="U390" s="281"/>
      <c r="V390" s="281"/>
      <c r="W390" s="281"/>
      <c r="X390" s="281"/>
      <c r="Y390" s="281"/>
      <c r="Z390" s="281"/>
      <c r="AA390" s="281"/>
      <c r="AB390" s="281"/>
      <c r="AC390" s="281"/>
      <c r="AD390" s="281"/>
      <c r="AE390" s="281"/>
      <c r="AF390" s="281"/>
      <c r="AG390" s="281"/>
      <c r="AH390" s="281"/>
      <c r="AI390" s="281"/>
      <c r="AJ390" s="380"/>
      <c r="AK390" s="126"/>
      <c r="AL390" s="126"/>
    </row>
    <row r="391" spans="1:38" s="76" customFormat="1" ht="13.5" customHeight="1">
      <c r="A391" s="96"/>
      <c r="B391" s="96"/>
      <c r="C391" s="307"/>
      <c r="D391" s="281"/>
      <c r="E391" s="281"/>
      <c r="F391" s="281"/>
      <c r="G391" s="281"/>
      <c r="H391" s="281"/>
      <c r="I391" s="281"/>
      <c r="J391" s="281"/>
      <c r="K391" s="281"/>
      <c r="L391" s="281"/>
      <c r="M391" s="281"/>
      <c r="N391" s="281"/>
      <c r="O391" s="281"/>
      <c r="P391" s="281"/>
      <c r="Q391" s="281"/>
      <c r="R391" s="281"/>
      <c r="S391" s="281"/>
      <c r="T391" s="281"/>
      <c r="U391" s="281"/>
      <c r="V391" s="281"/>
      <c r="W391" s="281"/>
      <c r="X391" s="281"/>
      <c r="Y391" s="281"/>
      <c r="Z391" s="281"/>
      <c r="AA391" s="281"/>
      <c r="AB391" s="281"/>
      <c r="AC391" s="281"/>
      <c r="AD391" s="281"/>
      <c r="AE391" s="281"/>
      <c r="AF391" s="281"/>
      <c r="AG391" s="281"/>
      <c r="AH391" s="281"/>
      <c r="AI391" s="281"/>
      <c r="AJ391" s="380"/>
      <c r="AK391" s="126"/>
      <c r="AL391" s="126"/>
    </row>
    <row r="392" spans="1:38" s="76" customFormat="1" ht="13.5" customHeight="1">
      <c r="A392" s="96"/>
      <c r="B392" s="96"/>
      <c r="C392" s="308"/>
      <c r="D392" s="284"/>
      <c r="E392" s="284"/>
      <c r="F392" s="284"/>
      <c r="G392" s="284"/>
      <c r="H392" s="284"/>
      <c r="I392" s="284"/>
      <c r="J392" s="284"/>
      <c r="K392" s="284"/>
      <c r="L392" s="284"/>
      <c r="M392" s="284"/>
      <c r="N392" s="284"/>
      <c r="O392" s="284"/>
      <c r="P392" s="284"/>
      <c r="Q392" s="284"/>
      <c r="R392" s="284"/>
      <c r="S392" s="284"/>
      <c r="T392" s="284"/>
      <c r="U392" s="284"/>
      <c r="V392" s="284"/>
      <c r="W392" s="284"/>
      <c r="X392" s="284"/>
      <c r="Y392" s="284"/>
      <c r="Z392" s="284"/>
      <c r="AA392" s="284"/>
      <c r="AB392" s="284"/>
      <c r="AC392" s="284"/>
      <c r="AD392" s="284"/>
      <c r="AE392" s="284"/>
      <c r="AF392" s="284"/>
      <c r="AG392" s="284"/>
      <c r="AH392" s="284"/>
      <c r="AI392" s="284"/>
      <c r="AJ392" s="313"/>
      <c r="AK392" s="126"/>
      <c r="AL392" s="126"/>
    </row>
    <row r="393" spans="1:38" s="76" customFormat="1" ht="13.5" customHeight="1" thickBot="1"/>
    <row r="394" spans="1:38" s="76" customFormat="1" ht="13.5" customHeight="1" thickTop="1">
      <c r="A394" s="266">
        <v>38</v>
      </c>
      <c r="B394" s="302"/>
      <c r="C394" s="248" t="s">
        <v>515</v>
      </c>
      <c r="D394" s="249"/>
      <c r="E394" s="249"/>
      <c r="F394" s="249"/>
      <c r="G394" s="249"/>
      <c r="H394" s="249"/>
      <c r="I394" s="249"/>
      <c r="J394" s="249"/>
      <c r="K394" s="249"/>
      <c r="L394" s="249"/>
      <c r="M394" s="249"/>
      <c r="N394" s="249"/>
      <c r="O394" s="249"/>
      <c r="P394" s="249"/>
      <c r="Q394" s="249"/>
      <c r="R394" s="249"/>
      <c r="S394" s="249"/>
      <c r="T394" s="249"/>
      <c r="U394" s="249"/>
      <c r="V394" s="249"/>
      <c r="W394" s="249"/>
      <c r="X394" s="249"/>
      <c r="Y394" s="249"/>
      <c r="Z394" s="249"/>
      <c r="AA394" s="249"/>
      <c r="AB394" s="249"/>
      <c r="AC394" s="249"/>
      <c r="AD394" s="249"/>
      <c r="AE394" s="249"/>
      <c r="AF394" s="249"/>
      <c r="AG394" s="249"/>
      <c r="AH394" s="249"/>
      <c r="AI394" s="249"/>
      <c r="AJ394" s="249"/>
      <c r="AK394" s="275"/>
      <c r="AL394" s="276"/>
    </row>
    <row r="395" spans="1:38" s="76" customFormat="1" ht="13.5" customHeight="1" thickBot="1">
      <c r="A395" s="268"/>
      <c r="B395" s="303"/>
      <c r="C395" s="250"/>
      <c r="D395" s="251"/>
      <c r="E395" s="251"/>
      <c r="F395" s="251"/>
      <c r="G395" s="251"/>
      <c r="H395" s="251"/>
      <c r="I395" s="251"/>
      <c r="J395" s="251"/>
      <c r="K395" s="251"/>
      <c r="L395" s="251"/>
      <c r="M395" s="251"/>
      <c r="N395" s="251"/>
      <c r="O395" s="251"/>
      <c r="P395" s="251"/>
      <c r="Q395" s="251"/>
      <c r="R395" s="251"/>
      <c r="S395" s="251"/>
      <c r="T395" s="251"/>
      <c r="U395" s="251"/>
      <c r="V395" s="251"/>
      <c r="W395" s="251"/>
      <c r="X395" s="251"/>
      <c r="Y395" s="251"/>
      <c r="Z395" s="251"/>
      <c r="AA395" s="251"/>
      <c r="AB395" s="251"/>
      <c r="AC395" s="251"/>
      <c r="AD395" s="251"/>
      <c r="AE395" s="251"/>
      <c r="AF395" s="251"/>
      <c r="AG395" s="251"/>
      <c r="AH395" s="251"/>
      <c r="AI395" s="251"/>
      <c r="AJ395" s="251"/>
      <c r="AK395" s="277"/>
      <c r="AL395" s="278"/>
    </row>
    <row r="396" spans="1:38" s="76" customFormat="1" ht="13.5" customHeight="1" thickTop="1">
      <c r="A396" s="125"/>
      <c r="B396" s="125"/>
      <c r="C396" s="252"/>
      <c r="D396" s="253"/>
      <c r="E396" s="253"/>
      <c r="F396" s="253"/>
      <c r="G396" s="253"/>
      <c r="H396" s="253"/>
      <c r="I396" s="253"/>
      <c r="J396" s="253"/>
      <c r="K396" s="253"/>
      <c r="L396" s="253"/>
      <c r="M396" s="253"/>
      <c r="N396" s="253"/>
      <c r="O396" s="253"/>
      <c r="P396" s="253"/>
      <c r="Q396" s="253"/>
      <c r="R396" s="253"/>
      <c r="S396" s="253"/>
      <c r="T396" s="253"/>
      <c r="U396" s="253"/>
      <c r="V396" s="253"/>
      <c r="W396" s="253"/>
      <c r="X396" s="253"/>
      <c r="Y396" s="253"/>
      <c r="Z396" s="253"/>
      <c r="AA396" s="253"/>
      <c r="AB396" s="253"/>
      <c r="AC396" s="253"/>
      <c r="AD396" s="253"/>
      <c r="AE396" s="253"/>
      <c r="AF396" s="253"/>
      <c r="AG396" s="253"/>
      <c r="AH396" s="253"/>
      <c r="AI396" s="253"/>
      <c r="AJ396" s="254"/>
      <c r="AK396" s="126"/>
      <c r="AL396" s="126"/>
    </row>
    <row r="397" spans="1:38" s="76" customFormat="1" ht="13.5" customHeight="1"/>
    <row r="398" spans="1:38" s="76" customFormat="1" ht="13.5" customHeight="1">
      <c r="A398" s="127" t="s">
        <v>100</v>
      </c>
    </row>
    <row r="399" spans="1:38" s="76" customFormat="1" ht="13.5" customHeight="1" thickBot="1">
      <c r="A399" s="129" t="s">
        <v>221</v>
      </c>
    </row>
    <row r="400" spans="1:38" s="76" customFormat="1" ht="13.5" customHeight="1" thickTop="1">
      <c r="A400" s="266">
        <v>39</v>
      </c>
      <c r="B400" s="302"/>
      <c r="C400" s="270" t="s">
        <v>516</v>
      </c>
      <c r="D400" s="271"/>
      <c r="E400" s="271"/>
      <c r="F400" s="271"/>
      <c r="G400" s="271"/>
      <c r="H400" s="271"/>
      <c r="I400" s="271"/>
      <c r="J400" s="271"/>
      <c r="K400" s="271"/>
      <c r="L400" s="271"/>
      <c r="M400" s="271"/>
      <c r="N400" s="271"/>
      <c r="O400" s="271"/>
      <c r="P400" s="271"/>
      <c r="Q400" s="271"/>
      <c r="R400" s="271"/>
      <c r="S400" s="271"/>
      <c r="T400" s="271"/>
      <c r="U400" s="271"/>
      <c r="V400" s="271"/>
      <c r="W400" s="271"/>
      <c r="X400" s="271"/>
      <c r="Y400" s="271"/>
      <c r="Z400" s="271"/>
      <c r="AA400" s="271"/>
      <c r="AB400" s="271"/>
      <c r="AC400" s="271"/>
      <c r="AD400" s="271"/>
      <c r="AE400" s="271"/>
      <c r="AF400" s="271"/>
      <c r="AG400" s="271"/>
      <c r="AH400" s="271"/>
      <c r="AI400" s="271"/>
      <c r="AJ400" s="271"/>
      <c r="AK400" s="275"/>
      <c r="AL400" s="276"/>
    </row>
    <row r="401" spans="1:38" s="76" customFormat="1" ht="13.5" customHeight="1" thickBot="1">
      <c r="A401" s="268"/>
      <c r="B401" s="303"/>
      <c r="C401" s="272"/>
      <c r="D401" s="281"/>
      <c r="E401" s="281"/>
      <c r="F401" s="281"/>
      <c r="G401" s="281"/>
      <c r="H401" s="281"/>
      <c r="I401" s="281"/>
      <c r="J401" s="281"/>
      <c r="K401" s="281"/>
      <c r="L401" s="281"/>
      <c r="M401" s="281"/>
      <c r="N401" s="281"/>
      <c r="O401" s="281"/>
      <c r="P401" s="281"/>
      <c r="Q401" s="281"/>
      <c r="R401" s="281"/>
      <c r="S401" s="281"/>
      <c r="T401" s="281"/>
      <c r="U401" s="281"/>
      <c r="V401" s="281"/>
      <c r="W401" s="281"/>
      <c r="X401" s="281"/>
      <c r="Y401" s="281"/>
      <c r="Z401" s="281"/>
      <c r="AA401" s="281"/>
      <c r="AB401" s="281"/>
      <c r="AC401" s="281"/>
      <c r="AD401" s="281"/>
      <c r="AE401" s="281"/>
      <c r="AF401" s="281"/>
      <c r="AG401" s="281"/>
      <c r="AH401" s="281"/>
      <c r="AI401" s="281"/>
      <c r="AJ401" s="281"/>
      <c r="AK401" s="277"/>
      <c r="AL401" s="278"/>
    </row>
    <row r="402" spans="1:38" s="76" customFormat="1" ht="13.5" customHeight="1" thickTop="1">
      <c r="A402" s="125"/>
      <c r="B402" s="125"/>
      <c r="C402" s="272"/>
      <c r="D402" s="281"/>
      <c r="E402" s="281"/>
      <c r="F402" s="281"/>
      <c r="G402" s="281"/>
      <c r="H402" s="281"/>
      <c r="I402" s="281"/>
      <c r="J402" s="281"/>
      <c r="K402" s="281"/>
      <c r="L402" s="281"/>
      <c r="M402" s="281"/>
      <c r="N402" s="281"/>
      <c r="O402" s="281"/>
      <c r="P402" s="281"/>
      <c r="Q402" s="281"/>
      <c r="R402" s="281"/>
      <c r="S402" s="281"/>
      <c r="T402" s="281"/>
      <c r="U402" s="281"/>
      <c r="V402" s="281"/>
      <c r="W402" s="281"/>
      <c r="X402" s="281"/>
      <c r="Y402" s="281"/>
      <c r="Z402" s="281"/>
      <c r="AA402" s="281"/>
      <c r="AB402" s="281"/>
      <c r="AC402" s="281"/>
      <c r="AD402" s="281"/>
      <c r="AE402" s="281"/>
      <c r="AF402" s="281"/>
      <c r="AG402" s="281"/>
      <c r="AH402" s="281"/>
      <c r="AI402" s="281"/>
      <c r="AJ402" s="281"/>
      <c r="AK402" s="130"/>
      <c r="AL402" s="126"/>
    </row>
    <row r="403" spans="1:38" s="76" customFormat="1" ht="13.5" customHeight="1">
      <c r="A403" s="125"/>
      <c r="B403" s="125"/>
      <c r="C403" s="273"/>
      <c r="D403" s="274"/>
      <c r="E403" s="274"/>
      <c r="F403" s="274"/>
      <c r="G403" s="274"/>
      <c r="H403" s="274"/>
      <c r="I403" s="274"/>
      <c r="J403" s="274"/>
      <c r="K403" s="274"/>
      <c r="L403" s="274"/>
      <c r="M403" s="274"/>
      <c r="N403" s="274"/>
      <c r="O403" s="274"/>
      <c r="P403" s="274"/>
      <c r="Q403" s="274"/>
      <c r="R403" s="274"/>
      <c r="S403" s="274"/>
      <c r="T403" s="274"/>
      <c r="U403" s="274"/>
      <c r="V403" s="274"/>
      <c r="W403" s="274"/>
      <c r="X403" s="274"/>
      <c r="Y403" s="274"/>
      <c r="Z403" s="274"/>
      <c r="AA403" s="274"/>
      <c r="AB403" s="274"/>
      <c r="AC403" s="274"/>
      <c r="AD403" s="274"/>
      <c r="AE403" s="274"/>
      <c r="AF403" s="274"/>
      <c r="AG403" s="274"/>
      <c r="AH403" s="274"/>
      <c r="AI403" s="274"/>
      <c r="AJ403" s="274"/>
      <c r="AK403" s="131"/>
      <c r="AL403" s="126"/>
    </row>
    <row r="404" spans="1:38" s="76" customFormat="1" ht="13.5" customHeight="1" thickBot="1"/>
    <row r="405" spans="1:38" s="76" customFormat="1" ht="13.5" customHeight="1" thickTop="1">
      <c r="A405" s="266">
        <v>40</v>
      </c>
      <c r="B405" s="302"/>
      <c r="C405" s="270" t="s">
        <v>517</v>
      </c>
      <c r="D405" s="271"/>
      <c r="E405" s="271"/>
      <c r="F405" s="271"/>
      <c r="G405" s="271"/>
      <c r="H405" s="271"/>
      <c r="I405" s="271"/>
      <c r="J405" s="271"/>
      <c r="K405" s="271"/>
      <c r="L405" s="271"/>
      <c r="M405" s="271"/>
      <c r="N405" s="271"/>
      <c r="O405" s="271"/>
      <c r="P405" s="271"/>
      <c r="Q405" s="271"/>
      <c r="R405" s="271"/>
      <c r="S405" s="271"/>
      <c r="T405" s="271"/>
      <c r="U405" s="271"/>
      <c r="V405" s="271"/>
      <c r="W405" s="271"/>
      <c r="X405" s="271"/>
      <c r="Y405" s="271"/>
      <c r="Z405" s="271"/>
      <c r="AA405" s="271"/>
      <c r="AB405" s="271"/>
      <c r="AC405" s="271"/>
      <c r="AD405" s="271"/>
      <c r="AE405" s="271"/>
      <c r="AF405" s="271"/>
      <c r="AG405" s="271"/>
      <c r="AH405" s="271"/>
      <c r="AI405" s="271"/>
      <c r="AJ405" s="279"/>
      <c r="AK405" s="275"/>
      <c r="AL405" s="276"/>
    </row>
    <row r="406" spans="1:38" s="76" customFormat="1" ht="13.5" customHeight="1" thickBot="1">
      <c r="A406" s="268"/>
      <c r="B406" s="303"/>
      <c r="C406" s="272"/>
      <c r="D406" s="281"/>
      <c r="E406" s="281"/>
      <c r="F406" s="281"/>
      <c r="G406" s="281"/>
      <c r="H406" s="281"/>
      <c r="I406" s="281"/>
      <c r="J406" s="281"/>
      <c r="K406" s="281"/>
      <c r="L406" s="281"/>
      <c r="M406" s="281"/>
      <c r="N406" s="281"/>
      <c r="O406" s="281"/>
      <c r="P406" s="281"/>
      <c r="Q406" s="281"/>
      <c r="R406" s="281"/>
      <c r="S406" s="281"/>
      <c r="T406" s="281"/>
      <c r="U406" s="281"/>
      <c r="V406" s="281"/>
      <c r="W406" s="281"/>
      <c r="X406" s="281"/>
      <c r="Y406" s="281"/>
      <c r="Z406" s="281"/>
      <c r="AA406" s="281"/>
      <c r="AB406" s="281"/>
      <c r="AC406" s="281"/>
      <c r="AD406" s="281"/>
      <c r="AE406" s="281"/>
      <c r="AF406" s="281"/>
      <c r="AG406" s="281"/>
      <c r="AH406" s="281"/>
      <c r="AI406" s="281"/>
      <c r="AJ406" s="312"/>
      <c r="AK406" s="277"/>
      <c r="AL406" s="278"/>
    </row>
    <row r="407" spans="1:38" s="76" customFormat="1" ht="13.5" customHeight="1" thickTop="1">
      <c r="A407" s="125"/>
      <c r="B407" s="125"/>
      <c r="C407" s="272"/>
      <c r="D407" s="281"/>
      <c r="E407" s="281"/>
      <c r="F407" s="281"/>
      <c r="G407" s="281"/>
      <c r="H407" s="281"/>
      <c r="I407" s="281"/>
      <c r="J407" s="281"/>
      <c r="K407" s="281"/>
      <c r="L407" s="281"/>
      <c r="M407" s="281"/>
      <c r="N407" s="281"/>
      <c r="O407" s="281"/>
      <c r="P407" s="281"/>
      <c r="Q407" s="281"/>
      <c r="R407" s="281"/>
      <c r="S407" s="281"/>
      <c r="T407" s="281"/>
      <c r="U407" s="281"/>
      <c r="V407" s="281"/>
      <c r="W407" s="281"/>
      <c r="X407" s="281"/>
      <c r="Y407" s="281"/>
      <c r="Z407" s="281"/>
      <c r="AA407" s="281"/>
      <c r="AB407" s="281"/>
      <c r="AC407" s="281"/>
      <c r="AD407" s="281"/>
      <c r="AE407" s="281"/>
      <c r="AF407" s="281"/>
      <c r="AG407" s="281"/>
      <c r="AH407" s="281"/>
      <c r="AI407" s="281"/>
      <c r="AJ407" s="281"/>
      <c r="AK407" s="130"/>
      <c r="AL407" s="126"/>
    </row>
    <row r="408" spans="1:38" s="76" customFormat="1" ht="13.5" customHeight="1">
      <c r="C408" s="273"/>
      <c r="D408" s="274"/>
      <c r="E408" s="274"/>
      <c r="F408" s="274"/>
      <c r="G408" s="274"/>
      <c r="H408" s="274"/>
      <c r="I408" s="274"/>
      <c r="J408" s="274"/>
      <c r="K408" s="274"/>
      <c r="L408" s="274"/>
      <c r="M408" s="274"/>
      <c r="N408" s="274"/>
      <c r="O408" s="274"/>
      <c r="P408" s="274"/>
      <c r="Q408" s="274"/>
      <c r="R408" s="274"/>
      <c r="S408" s="274"/>
      <c r="T408" s="274"/>
      <c r="U408" s="274"/>
      <c r="V408" s="274"/>
      <c r="W408" s="274"/>
      <c r="X408" s="274"/>
      <c r="Y408" s="274"/>
      <c r="Z408" s="274"/>
      <c r="AA408" s="274"/>
      <c r="AB408" s="274"/>
      <c r="AC408" s="274"/>
      <c r="AD408" s="274"/>
      <c r="AE408" s="274"/>
      <c r="AF408" s="274"/>
      <c r="AG408" s="274"/>
      <c r="AH408" s="274"/>
      <c r="AI408" s="274"/>
      <c r="AJ408" s="274"/>
      <c r="AK408" s="132"/>
    </row>
    <row r="409" spans="1:38" s="76" customFormat="1" ht="13.5" customHeight="1">
      <c r="C409" s="133"/>
      <c r="D409" s="133"/>
      <c r="E409" s="133"/>
      <c r="F409" s="133"/>
      <c r="G409" s="133"/>
      <c r="H409" s="133"/>
      <c r="I409" s="133"/>
      <c r="J409" s="133"/>
      <c r="K409" s="133"/>
      <c r="L409" s="133"/>
      <c r="M409" s="133"/>
      <c r="N409" s="133"/>
      <c r="O409" s="133"/>
      <c r="P409" s="133"/>
      <c r="Q409" s="133"/>
      <c r="R409" s="133"/>
      <c r="S409" s="133"/>
      <c r="T409" s="133"/>
      <c r="U409" s="133"/>
      <c r="V409" s="133"/>
      <c r="W409" s="133"/>
      <c r="X409" s="133"/>
      <c r="Y409" s="133"/>
      <c r="Z409" s="133"/>
      <c r="AA409" s="133"/>
      <c r="AB409" s="133"/>
      <c r="AC409" s="133"/>
      <c r="AD409" s="133"/>
      <c r="AE409" s="133"/>
      <c r="AF409" s="133"/>
      <c r="AG409" s="133"/>
      <c r="AH409" s="133"/>
      <c r="AI409" s="133"/>
      <c r="AJ409" s="133"/>
    </row>
    <row r="410" spans="1:38" s="76" customFormat="1" ht="13.5" customHeight="1">
      <c r="A410" s="127" t="s">
        <v>101</v>
      </c>
    </row>
    <row r="411" spans="1:38" s="76" customFormat="1" ht="13.5" customHeight="1" thickBot="1">
      <c r="A411" s="129" t="s">
        <v>222</v>
      </c>
    </row>
    <row r="412" spans="1:38" s="76" customFormat="1" ht="13.5" customHeight="1" thickTop="1">
      <c r="A412" s="266">
        <v>41</v>
      </c>
      <c r="B412" s="302"/>
      <c r="C412" s="270" t="s">
        <v>518</v>
      </c>
      <c r="D412" s="271"/>
      <c r="E412" s="271"/>
      <c r="F412" s="271"/>
      <c r="G412" s="271"/>
      <c r="H412" s="271"/>
      <c r="I412" s="271"/>
      <c r="J412" s="271"/>
      <c r="K412" s="271"/>
      <c r="L412" s="271"/>
      <c r="M412" s="271"/>
      <c r="N412" s="271"/>
      <c r="O412" s="271"/>
      <c r="P412" s="271"/>
      <c r="Q412" s="271"/>
      <c r="R412" s="271"/>
      <c r="S412" s="271"/>
      <c r="T412" s="271"/>
      <c r="U412" s="271"/>
      <c r="V412" s="271"/>
      <c r="W412" s="271"/>
      <c r="X412" s="271"/>
      <c r="Y412" s="271"/>
      <c r="Z412" s="271"/>
      <c r="AA412" s="271"/>
      <c r="AB412" s="271"/>
      <c r="AC412" s="271"/>
      <c r="AD412" s="271"/>
      <c r="AE412" s="271"/>
      <c r="AF412" s="271"/>
      <c r="AG412" s="271"/>
      <c r="AH412" s="271"/>
      <c r="AI412" s="271"/>
      <c r="AJ412" s="271"/>
      <c r="AK412" s="275"/>
      <c r="AL412" s="276"/>
    </row>
    <row r="413" spans="1:38" s="76" customFormat="1" ht="13.5" customHeight="1" thickBot="1">
      <c r="A413" s="268"/>
      <c r="B413" s="303"/>
      <c r="C413" s="272"/>
      <c r="D413" s="281"/>
      <c r="E413" s="281"/>
      <c r="F413" s="281"/>
      <c r="G413" s="281"/>
      <c r="H413" s="281"/>
      <c r="I413" s="281"/>
      <c r="J413" s="281"/>
      <c r="K413" s="281"/>
      <c r="L413" s="281"/>
      <c r="M413" s="281"/>
      <c r="N413" s="281"/>
      <c r="O413" s="281"/>
      <c r="P413" s="281"/>
      <c r="Q413" s="281"/>
      <c r="R413" s="281"/>
      <c r="S413" s="281"/>
      <c r="T413" s="281"/>
      <c r="U413" s="281"/>
      <c r="V413" s="281"/>
      <c r="W413" s="281"/>
      <c r="X413" s="281"/>
      <c r="Y413" s="281"/>
      <c r="Z413" s="281"/>
      <c r="AA413" s="281"/>
      <c r="AB413" s="281"/>
      <c r="AC413" s="281"/>
      <c r="AD413" s="281"/>
      <c r="AE413" s="281"/>
      <c r="AF413" s="281"/>
      <c r="AG413" s="281"/>
      <c r="AH413" s="281"/>
      <c r="AI413" s="281"/>
      <c r="AJ413" s="281"/>
      <c r="AK413" s="277"/>
      <c r="AL413" s="278"/>
    </row>
    <row r="414" spans="1:38" s="76" customFormat="1" ht="13.5" customHeight="1" thickTop="1">
      <c r="A414" s="125"/>
      <c r="B414" s="125"/>
      <c r="C414" s="272"/>
      <c r="D414" s="281"/>
      <c r="E414" s="281"/>
      <c r="F414" s="281"/>
      <c r="G414" s="281"/>
      <c r="H414" s="281"/>
      <c r="I414" s="281"/>
      <c r="J414" s="281"/>
      <c r="K414" s="281"/>
      <c r="L414" s="281"/>
      <c r="M414" s="281"/>
      <c r="N414" s="281"/>
      <c r="O414" s="281"/>
      <c r="P414" s="281"/>
      <c r="Q414" s="281"/>
      <c r="R414" s="281"/>
      <c r="S414" s="281"/>
      <c r="T414" s="281"/>
      <c r="U414" s="281"/>
      <c r="V414" s="281"/>
      <c r="W414" s="281"/>
      <c r="X414" s="281"/>
      <c r="Y414" s="281"/>
      <c r="Z414" s="281"/>
      <c r="AA414" s="281"/>
      <c r="AB414" s="281"/>
      <c r="AC414" s="281"/>
      <c r="AD414" s="281"/>
      <c r="AE414" s="281"/>
      <c r="AF414" s="281"/>
      <c r="AG414" s="281"/>
      <c r="AH414" s="281"/>
      <c r="AI414" s="281"/>
      <c r="AJ414" s="439"/>
      <c r="AK414" s="130"/>
      <c r="AL414" s="126"/>
    </row>
    <row r="415" spans="1:38" s="76" customFormat="1" ht="13.5" customHeight="1">
      <c r="A415" s="125"/>
      <c r="B415" s="125"/>
      <c r="C415" s="273"/>
      <c r="D415" s="274"/>
      <c r="E415" s="274"/>
      <c r="F415" s="274"/>
      <c r="G415" s="274"/>
      <c r="H415" s="274"/>
      <c r="I415" s="274"/>
      <c r="J415" s="274"/>
      <c r="K415" s="274"/>
      <c r="L415" s="274"/>
      <c r="M415" s="274"/>
      <c r="N415" s="274"/>
      <c r="O415" s="274"/>
      <c r="P415" s="274"/>
      <c r="Q415" s="274"/>
      <c r="R415" s="274"/>
      <c r="S415" s="274"/>
      <c r="T415" s="274"/>
      <c r="U415" s="274"/>
      <c r="V415" s="274"/>
      <c r="W415" s="274"/>
      <c r="X415" s="274"/>
      <c r="Y415" s="274"/>
      <c r="Z415" s="274"/>
      <c r="AA415" s="274"/>
      <c r="AB415" s="274"/>
      <c r="AC415" s="274"/>
      <c r="AD415" s="274"/>
      <c r="AE415" s="274"/>
      <c r="AF415" s="274"/>
      <c r="AG415" s="274"/>
      <c r="AH415" s="274"/>
      <c r="AI415" s="274"/>
      <c r="AJ415" s="314"/>
      <c r="AK415" s="131"/>
      <c r="AL415" s="126"/>
    </row>
    <row r="416" spans="1:38" s="76" customFormat="1" ht="6.75" customHeight="1">
      <c r="A416" s="125"/>
      <c r="B416" s="125"/>
      <c r="C416" s="167"/>
      <c r="D416" s="167"/>
      <c r="E416" s="167"/>
      <c r="F416" s="167"/>
      <c r="G416" s="167"/>
      <c r="H416" s="167"/>
      <c r="I416" s="167"/>
      <c r="J416" s="167"/>
      <c r="K416" s="167"/>
      <c r="L416" s="167"/>
      <c r="M416" s="167"/>
      <c r="N416" s="167"/>
      <c r="O416" s="167"/>
      <c r="P416" s="167"/>
      <c r="Q416" s="167"/>
      <c r="R416" s="167"/>
      <c r="S416" s="167"/>
      <c r="T416" s="167"/>
      <c r="U416" s="167"/>
      <c r="V416" s="167"/>
      <c r="W416" s="167"/>
      <c r="X416" s="167"/>
      <c r="Y416" s="167"/>
      <c r="Z416" s="167"/>
      <c r="AA416" s="167"/>
      <c r="AB416" s="167"/>
      <c r="AC416" s="167"/>
      <c r="AD416" s="167"/>
      <c r="AE416" s="167"/>
      <c r="AF416" s="167"/>
      <c r="AG416" s="167"/>
      <c r="AH416" s="167"/>
      <c r="AI416" s="167"/>
      <c r="AJ416" s="167"/>
      <c r="AK416" s="126"/>
      <c r="AL416" s="126"/>
    </row>
    <row r="417" spans="1:38" s="76" customFormat="1" ht="13.5" customHeight="1" thickBot="1">
      <c r="C417" s="133"/>
      <c r="D417" s="133"/>
      <c r="E417" s="133"/>
      <c r="F417" s="133"/>
      <c r="G417" s="133"/>
      <c r="H417" s="133"/>
      <c r="I417" s="133"/>
      <c r="J417" s="133"/>
      <c r="K417" s="133"/>
      <c r="L417" s="133"/>
      <c r="M417" s="133"/>
      <c r="N417" s="133"/>
      <c r="O417" s="133"/>
      <c r="P417" s="133"/>
      <c r="Q417" s="133"/>
      <c r="R417" s="133"/>
      <c r="S417" s="133"/>
      <c r="T417" s="133"/>
      <c r="U417" s="133"/>
      <c r="V417" s="133"/>
      <c r="W417" s="133"/>
      <c r="X417" s="133"/>
      <c r="Y417" s="133"/>
      <c r="Z417" s="133"/>
      <c r="AA417" s="133"/>
      <c r="AB417" s="133"/>
      <c r="AC417" s="133"/>
      <c r="AD417" s="133"/>
      <c r="AE417" s="133"/>
      <c r="AF417" s="133"/>
      <c r="AG417" s="133"/>
      <c r="AH417" s="133"/>
      <c r="AI417" s="133"/>
      <c r="AJ417" s="133"/>
    </row>
    <row r="418" spans="1:38" s="76" customFormat="1" ht="13.5" customHeight="1" thickTop="1">
      <c r="A418" s="266">
        <v>42</v>
      </c>
      <c r="B418" s="302"/>
      <c r="C418" s="270" t="s">
        <v>519</v>
      </c>
      <c r="D418" s="271"/>
      <c r="E418" s="271"/>
      <c r="F418" s="271"/>
      <c r="G418" s="271"/>
      <c r="H418" s="271"/>
      <c r="I418" s="271"/>
      <c r="J418" s="271"/>
      <c r="K418" s="271"/>
      <c r="L418" s="271"/>
      <c r="M418" s="271"/>
      <c r="N418" s="271"/>
      <c r="O418" s="271"/>
      <c r="P418" s="271"/>
      <c r="Q418" s="271"/>
      <c r="R418" s="271"/>
      <c r="S418" s="271"/>
      <c r="T418" s="271"/>
      <c r="U418" s="271"/>
      <c r="V418" s="271"/>
      <c r="W418" s="271"/>
      <c r="X418" s="271"/>
      <c r="Y418" s="271"/>
      <c r="Z418" s="271"/>
      <c r="AA418" s="271"/>
      <c r="AB418" s="271"/>
      <c r="AC418" s="271"/>
      <c r="AD418" s="271"/>
      <c r="AE418" s="271"/>
      <c r="AF418" s="271"/>
      <c r="AG418" s="271"/>
      <c r="AH418" s="271"/>
      <c r="AI418" s="271"/>
      <c r="AJ418" s="271"/>
      <c r="AK418" s="275"/>
      <c r="AL418" s="276"/>
    </row>
    <row r="419" spans="1:38" s="76" customFormat="1" ht="13.5" customHeight="1" thickBot="1">
      <c r="A419" s="268"/>
      <c r="B419" s="303"/>
      <c r="C419" s="272"/>
      <c r="D419" s="281"/>
      <c r="E419" s="281"/>
      <c r="F419" s="281"/>
      <c r="G419" s="281"/>
      <c r="H419" s="281"/>
      <c r="I419" s="281"/>
      <c r="J419" s="281"/>
      <c r="K419" s="281"/>
      <c r="L419" s="281"/>
      <c r="M419" s="281"/>
      <c r="N419" s="281"/>
      <c r="O419" s="281"/>
      <c r="P419" s="281"/>
      <c r="Q419" s="281"/>
      <c r="R419" s="281"/>
      <c r="S419" s="281"/>
      <c r="T419" s="281"/>
      <c r="U419" s="281"/>
      <c r="V419" s="281"/>
      <c r="W419" s="281"/>
      <c r="X419" s="281"/>
      <c r="Y419" s="281"/>
      <c r="Z419" s="281"/>
      <c r="AA419" s="281"/>
      <c r="AB419" s="281"/>
      <c r="AC419" s="281"/>
      <c r="AD419" s="281"/>
      <c r="AE419" s="281"/>
      <c r="AF419" s="281"/>
      <c r="AG419" s="281"/>
      <c r="AH419" s="281"/>
      <c r="AI419" s="281"/>
      <c r="AJ419" s="281"/>
      <c r="AK419" s="277"/>
      <c r="AL419" s="278"/>
    </row>
    <row r="420" spans="1:38" s="76" customFormat="1" ht="13.5" customHeight="1" thickTop="1">
      <c r="C420" s="273"/>
      <c r="D420" s="274"/>
      <c r="E420" s="274"/>
      <c r="F420" s="274"/>
      <c r="G420" s="274"/>
      <c r="H420" s="274"/>
      <c r="I420" s="274"/>
      <c r="J420" s="274"/>
      <c r="K420" s="274"/>
      <c r="L420" s="274"/>
      <c r="M420" s="274"/>
      <c r="N420" s="274"/>
      <c r="O420" s="274"/>
      <c r="P420" s="274"/>
      <c r="Q420" s="274"/>
      <c r="R420" s="274"/>
      <c r="S420" s="274"/>
      <c r="T420" s="274"/>
      <c r="U420" s="274"/>
      <c r="V420" s="274"/>
      <c r="W420" s="274"/>
      <c r="X420" s="274"/>
      <c r="Y420" s="274"/>
      <c r="Z420" s="274"/>
      <c r="AA420" s="274"/>
      <c r="AB420" s="274"/>
      <c r="AC420" s="274"/>
      <c r="AD420" s="274"/>
      <c r="AE420" s="274"/>
      <c r="AF420" s="274"/>
      <c r="AG420" s="274"/>
      <c r="AH420" s="274"/>
      <c r="AI420" s="274"/>
      <c r="AJ420" s="314"/>
    </row>
    <row r="421" spans="1:38" s="76" customFormat="1" ht="10.5" customHeight="1" thickBot="1"/>
    <row r="422" spans="1:38" s="76" customFormat="1" ht="13.5" customHeight="1" thickTop="1">
      <c r="A422" s="266">
        <v>43</v>
      </c>
      <c r="B422" s="302"/>
      <c r="C422" s="270" t="s">
        <v>520</v>
      </c>
      <c r="D422" s="271"/>
      <c r="E422" s="271"/>
      <c r="F422" s="271"/>
      <c r="G422" s="271"/>
      <c r="H422" s="271"/>
      <c r="I422" s="271"/>
      <c r="J422" s="271"/>
      <c r="K422" s="271"/>
      <c r="L422" s="271"/>
      <c r="M422" s="271"/>
      <c r="N422" s="271"/>
      <c r="O422" s="271"/>
      <c r="P422" s="271"/>
      <c r="Q422" s="271"/>
      <c r="R422" s="271"/>
      <c r="S422" s="271"/>
      <c r="T422" s="271"/>
      <c r="U422" s="271"/>
      <c r="V422" s="271"/>
      <c r="W422" s="271"/>
      <c r="X422" s="271"/>
      <c r="Y422" s="271"/>
      <c r="Z422" s="271"/>
      <c r="AA422" s="271"/>
      <c r="AB422" s="271"/>
      <c r="AC422" s="271"/>
      <c r="AD422" s="271"/>
      <c r="AE422" s="271"/>
      <c r="AF422" s="271"/>
      <c r="AG422" s="271"/>
      <c r="AH422" s="271"/>
      <c r="AI422" s="271"/>
      <c r="AJ422" s="271"/>
      <c r="AK422" s="275"/>
      <c r="AL422" s="276"/>
    </row>
    <row r="423" spans="1:38" s="76" customFormat="1" ht="13.5" customHeight="1" thickBot="1">
      <c r="A423" s="268"/>
      <c r="B423" s="303"/>
      <c r="C423" s="272"/>
      <c r="D423" s="281"/>
      <c r="E423" s="281"/>
      <c r="F423" s="281"/>
      <c r="G423" s="281"/>
      <c r="H423" s="281"/>
      <c r="I423" s="281"/>
      <c r="J423" s="281"/>
      <c r="K423" s="281"/>
      <c r="L423" s="281"/>
      <c r="M423" s="281"/>
      <c r="N423" s="281"/>
      <c r="O423" s="281"/>
      <c r="P423" s="281"/>
      <c r="Q423" s="281"/>
      <c r="R423" s="281"/>
      <c r="S423" s="281"/>
      <c r="T423" s="281"/>
      <c r="U423" s="281"/>
      <c r="V423" s="281"/>
      <c r="W423" s="281"/>
      <c r="X423" s="281"/>
      <c r="Y423" s="281"/>
      <c r="Z423" s="281"/>
      <c r="AA423" s="281"/>
      <c r="AB423" s="281"/>
      <c r="AC423" s="281"/>
      <c r="AD423" s="281"/>
      <c r="AE423" s="281"/>
      <c r="AF423" s="281"/>
      <c r="AG423" s="281"/>
      <c r="AH423" s="281"/>
      <c r="AI423" s="281"/>
      <c r="AJ423" s="281"/>
      <c r="AK423" s="277"/>
      <c r="AL423" s="278"/>
    </row>
    <row r="424" spans="1:38" s="76" customFormat="1" ht="13.5" customHeight="1" thickTop="1">
      <c r="A424" s="125"/>
      <c r="B424" s="125"/>
      <c r="C424" s="272"/>
      <c r="D424" s="281"/>
      <c r="E424" s="281"/>
      <c r="F424" s="281"/>
      <c r="G424" s="281"/>
      <c r="H424" s="281"/>
      <c r="I424" s="281"/>
      <c r="J424" s="281"/>
      <c r="K424" s="281"/>
      <c r="L424" s="281"/>
      <c r="M424" s="281"/>
      <c r="N424" s="281"/>
      <c r="O424" s="281"/>
      <c r="P424" s="281"/>
      <c r="Q424" s="281"/>
      <c r="R424" s="281"/>
      <c r="S424" s="281"/>
      <c r="T424" s="281"/>
      <c r="U424" s="281"/>
      <c r="V424" s="281"/>
      <c r="W424" s="281"/>
      <c r="X424" s="281"/>
      <c r="Y424" s="281"/>
      <c r="Z424" s="281"/>
      <c r="AA424" s="281"/>
      <c r="AB424" s="281"/>
      <c r="AC424" s="281"/>
      <c r="AD424" s="281"/>
      <c r="AE424" s="281"/>
      <c r="AF424" s="281"/>
      <c r="AG424" s="281"/>
      <c r="AH424" s="281"/>
      <c r="AI424" s="281"/>
      <c r="AJ424" s="281"/>
      <c r="AK424" s="130"/>
      <c r="AL424" s="126"/>
    </row>
    <row r="425" spans="1:38" s="76" customFormat="1" ht="16.399999999999999" customHeight="1">
      <c r="A425" s="125"/>
      <c r="B425" s="125"/>
      <c r="C425" s="273"/>
      <c r="D425" s="274"/>
      <c r="E425" s="274"/>
      <c r="F425" s="274"/>
      <c r="G425" s="274"/>
      <c r="H425" s="274"/>
      <c r="I425" s="274"/>
      <c r="J425" s="274"/>
      <c r="K425" s="274"/>
      <c r="L425" s="274"/>
      <c r="M425" s="274"/>
      <c r="N425" s="274"/>
      <c r="O425" s="274"/>
      <c r="P425" s="274"/>
      <c r="Q425" s="274"/>
      <c r="R425" s="274"/>
      <c r="S425" s="274"/>
      <c r="T425" s="274"/>
      <c r="U425" s="274"/>
      <c r="V425" s="274"/>
      <c r="W425" s="274"/>
      <c r="X425" s="274"/>
      <c r="Y425" s="274"/>
      <c r="Z425" s="274"/>
      <c r="AA425" s="274"/>
      <c r="AB425" s="274"/>
      <c r="AC425" s="274"/>
      <c r="AD425" s="274"/>
      <c r="AE425" s="274"/>
      <c r="AF425" s="274"/>
      <c r="AG425" s="274"/>
      <c r="AH425" s="274"/>
      <c r="AI425" s="274"/>
      <c r="AJ425" s="314"/>
      <c r="AK425" s="126"/>
      <c r="AL425" s="126"/>
    </row>
    <row r="426" spans="1:38" s="76" customFormat="1" ht="13.5" customHeight="1">
      <c r="C426" s="133"/>
      <c r="D426" s="133"/>
      <c r="E426" s="133"/>
      <c r="F426" s="133"/>
      <c r="G426" s="133"/>
      <c r="H426" s="133"/>
      <c r="I426" s="133"/>
      <c r="J426" s="133"/>
      <c r="K426" s="133"/>
      <c r="L426" s="133"/>
      <c r="M426" s="133"/>
      <c r="N426" s="133"/>
      <c r="O426" s="133"/>
      <c r="P426" s="133"/>
      <c r="Q426" s="133"/>
      <c r="R426" s="133"/>
      <c r="S426" s="133"/>
      <c r="T426" s="133"/>
      <c r="U426" s="133"/>
      <c r="V426" s="133"/>
      <c r="W426" s="133"/>
      <c r="X426" s="133"/>
      <c r="Y426" s="133"/>
      <c r="Z426" s="133"/>
      <c r="AA426" s="133"/>
      <c r="AB426" s="133"/>
      <c r="AC426" s="133"/>
      <c r="AD426" s="133"/>
      <c r="AE426" s="133"/>
      <c r="AF426" s="133"/>
      <c r="AG426" s="133"/>
      <c r="AH426" s="133"/>
      <c r="AI426" s="133"/>
      <c r="AJ426" s="133"/>
    </row>
    <row r="427" spans="1:38" s="76" customFormat="1" ht="13.5" customHeight="1" thickBot="1">
      <c r="C427" s="126" t="s">
        <v>269</v>
      </c>
      <c r="D427" s="133"/>
      <c r="E427" s="133"/>
      <c r="F427" s="133"/>
      <c r="G427" s="133"/>
      <c r="H427" s="133"/>
      <c r="I427" s="133"/>
      <c r="J427" s="133"/>
      <c r="K427" s="133"/>
      <c r="L427" s="133"/>
      <c r="M427" s="133"/>
      <c r="N427" s="133"/>
      <c r="O427" s="133"/>
      <c r="P427" s="133"/>
      <c r="Q427" s="133"/>
      <c r="R427" s="133"/>
      <c r="S427" s="133"/>
      <c r="T427" s="133"/>
      <c r="U427" s="133"/>
      <c r="V427" s="133"/>
      <c r="W427" s="133"/>
      <c r="X427" s="133"/>
      <c r="Y427" s="133"/>
      <c r="Z427" s="133"/>
      <c r="AA427" s="133"/>
      <c r="AB427" s="133"/>
      <c r="AC427" s="133"/>
      <c r="AD427" s="133"/>
      <c r="AE427" s="133"/>
      <c r="AF427" s="133"/>
      <c r="AG427" s="133"/>
      <c r="AH427" s="133"/>
      <c r="AI427" s="133"/>
      <c r="AJ427" s="133"/>
    </row>
    <row r="428" spans="1:38" s="76" customFormat="1" ht="13.5" customHeight="1" thickTop="1">
      <c r="B428" s="96"/>
      <c r="C428" s="285" t="s">
        <v>319</v>
      </c>
      <c r="D428" s="286"/>
      <c r="E428" s="286"/>
      <c r="F428" s="286"/>
      <c r="G428" s="286"/>
      <c r="H428" s="286"/>
      <c r="I428" s="286"/>
      <c r="J428" s="286"/>
      <c r="K428" s="286"/>
      <c r="L428" s="286"/>
      <c r="M428" s="286"/>
      <c r="N428" s="286"/>
      <c r="O428" s="286"/>
      <c r="P428" s="286"/>
      <c r="Q428" s="286"/>
      <c r="R428" s="286"/>
      <c r="S428" s="286"/>
      <c r="T428" s="286"/>
      <c r="U428" s="286"/>
      <c r="V428" s="286"/>
      <c r="W428" s="286"/>
      <c r="X428" s="286"/>
      <c r="Y428" s="286"/>
      <c r="Z428" s="286"/>
      <c r="AA428" s="286"/>
      <c r="AB428" s="286"/>
      <c r="AC428" s="286"/>
      <c r="AD428" s="286"/>
      <c r="AE428" s="286"/>
      <c r="AF428" s="286"/>
      <c r="AG428" s="286"/>
      <c r="AH428" s="286"/>
      <c r="AI428" s="286"/>
      <c r="AJ428" s="287"/>
      <c r="AK428" s="275"/>
      <c r="AL428" s="276"/>
    </row>
    <row r="429" spans="1:38" s="76" customFormat="1" ht="13.5" customHeight="1" thickBot="1">
      <c r="B429" s="96"/>
      <c r="C429" s="309"/>
      <c r="D429" s="251"/>
      <c r="E429" s="251"/>
      <c r="F429" s="251"/>
      <c r="G429" s="251"/>
      <c r="H429" s="251"/>
      <c r="I429" s="251"/>
      <c r="J429" s="251"/>
      <c r="K429" s="251"/>
      <c r="L429" s="251"/>
      <c r="M429" s="251"/>
      <c r="N429" s="251"/>
      <c r="O429" s="251"/>
      <c r="P429" s="251"/>
      <c r="Q429" s="251"/>
      <c r="R429" s="251"/>
      <c r="S429" s="251"/>
      <c r="T429" s="251"/>
      <c r="U429" s="251"/>
      <c r="V429" s="251"/>
      <c r="W429" s="251"/>
      <c r="X429" s="251"/>
      <c r="Y429" s="251"/>
      <c r="Z429" s="251"/>
      <c r="AA429" s="251"/>
      <c r="AB429" s="251"/>
      <c r="AC429" s="251"/>
      <c r="AD429" s="251"/>
      <c r="AE429" s="251"/>
      <c r="AF429" s="251"/>
      <c r="AG429" s="251"/>
      <c r="AH429" s="251"/>
      <c r="AI429" s="251"/>
      <c r="AJ429" s="310"/>
      <c r="AK429" s="277"/>
      <c r="AL429" s="278"/>
    </row>
    <row r="430" spans="1:38" s="76" customFormat="1" ht="13.5" customHeight="1" thickTop="1">
      <c r="B430" s="96"/>
      <c r="C430" s="309"/>
      <c r="D430" s="251"/>
      <c r="E430" s="251"/>
      <c r="F430" s="251"/>
      <c r="G430" s="251"/>
      <c r="H430" s="251"/>
      <c r="I430" s="251"/>
      <c r="J430" s="251"/>
      <c r="K430" s="251"/>
      <c r="L430" s="251"/>
      <c r="M430" s="251"/>
      <c r="N430" s="251"/>
      <c r="O430" s="251"/>
      <c r="P430" s="251"/>
      <c r="Q430" s="251"/>
      <c r="R430" s="251"/>
      <c r="S430" s="251"/>
      <c r="T430" s="251"/>
      <c r="U430" s="251"/>
      <c r="V430" s="251"/>
      <c r="W430" s="251"/>
      <c r="X430" s="251"/>
      <c r="Y430" s="251"/>
      <c r="Z430" s="251"/>
      <c r="AA430" s="251"/>
      <c r="AB430" s="251"/>
      <c r="AC430" s="251"/>
      <c r="AD430" s="251"/>
      <c r="AE430" s="251"/>
      <c r="AF430" s="251"/>
      <c r="AG430" s="251"/>
      <c r="AH430" s="251"/>
      <c r="AI430" s="251"/>
      <c r="AJ430" s="310"/>
      <c r="AK430" s="126"/>
      <c r="AL430" s="126"/>
    </row>
    <row r="431" spans="1:38" s="76" customFormat="1" ht="13.5" customHeight="1">
      <c r="B431" s="96"/>
      <c r="C431" s="309"/>
      <c r="D431" s="251"/>
      <c r="E431" s="251"/>
      <c r="F431" s="251"/>
      <c r="G431" s="251"/>
      <c r="H431" s="251"/>
      <c r="I431" s="251"/>
      <c r="J431" s="251"/>
      <c r="K431" s="251"/>
      <c r="L431" s="251"/>
      <c r="M431" s="251"/>
      <c r="N431" s="251"/>
      <c r="O431" s="251"/>
      <c r="P431" s="251"/>
      <c r="Q431" s="251"/>
      <c r="R431" s="251"/>
      <c r="S431" s="251"/>
      <c r="T431" s="251"/>
      <c r="U431" s="251"/>
      <c r="V431" s="251"/>
      <c r="W431" s="251"/>
      <c r="X431" s="251"/>
      <c r="Y431" s="251"/>
      <c r="Z431" s="251"/>
      <c r="AA431" s="251"/>
      <c r="AB431" s="251"/>
      <c r="AC431" s="251"/>
      <c r="AD431" s="251"/>
      <c r="AE431" s="251"/>
      <c r="AF431" s="251"/>
      <c r="AG431" s="251"/>
      <c r="AH431" s="251"/>
      <c r="AI431" s="251"/>
      <c r="AJ431" s="310"/>
      <c r="AK431" s="126"/>
      <c r="AL431" s="126"/>
    </row>
    <row r="432" spans="1:38" s="76" customFormat="1" ht="13.5" customHeight="1" thickBot="1">
      <c r="B432" s="96"/>
      <c r="C432" s="288"/>
      <c r="D432" s="289"/>
      <c r="E432" s="289"/>
      <c r="F432" s="289"/>
      <c r="G432" s="289"/>
      <c r="H432" s="289"/>
      <c r="I432" s="289"/>
      <c r="J432" s="289"/>
      <c r="K432" s="289"/>
      <c r="L432" s="289"/>
      <c r="M432" s="289"/>
      <c r="N432" s="289"/>
      <c r="O432" s="289"/>
      <c r="P432" s="289"/>
      <c r="Q432" s="289"/>
      <c r="R432" s="289"/>
      <c r="S432" s="289"/>
      <c r="T432" s="289"/>
      <c r="U432" s="289"/>
      <c r="V432" s="289"/>
      <c r="W432" s="289"/>
      <c r="X432" s="289"/>
      <c r="Y432" s="289"/>
      <c r="Z432" s="289"/>
      <c r="AA432" s="289"/>
      <c r="AB432" s="289"/>
      <c r="AC432" s="289"/>
      <c r="AD432" s="289"/>
      <c r="AE432" s="289"/>
      <c r="AF432" s="289"/>
      <c r="AG432" s="289"/>
      <c r="AH432" s="289"/>
      <c r="AI432" s="289"/>
      <c r="AJ432" s="290"/>
      <c r="AK432" s="126"/>
      <c r="AL432" s="126"/>
    </row>
    <row r="433" spans="1:38" s="76" customFormat="1" ht="13.5" customHeight="1" thickTop="1">
      <c r="B433" s="96"/>
      <c r="C433" s="285" t="s">
        <v>102</v>
      </c>
      <c r="D433" s="286"/>
      <c r="E433" s="286"/>
      <c r="F433" s="286"/>
      <c r="G433" s="286"/>
      <c r="H433" s="286"/>
      <c r="I433" s="286"/>
      <c r="J433" s="286"/>
      <c r="K433" s="286"/>
      <c r="L433" s="286"/>
      <c r="M433" s="286"/>
      <c r="N433" s="286"/>
      <c r="O433" s="286"/>
      <c r="P433" s="286"/>
      <c r="Q433" s="286"/>
      <c r="R433" s="286"/>
      <c r="S433" s="286"/>
      <c r="T433" s="286"/>
      <c r="U433" s="286"/>
      <c r="V433" s="286"/>
      <c r="W433" s="286"/>
      <c r="X433" s="286"/>
      <c r="Y433" s="286"/>
      <c r="Z433" s="286"/>
      <c r="AA433" s="286"/>
      <c r="AB433" s="286"/>
      <c r="AC433" s="286"/>
      <c r="AD433" s="286"/>
      <c r="AE433" s="286"/>
      <c r="AF433" s="286"/>
      <c r="AG433" s="286"/>
      <c r="AH433" s="286"/>
      <c r="AI433" s="286"/>
      <c r="AJ433" s="287"/>
      <c r="AK433" s="275"/>
      <c r="AL433" s="276"/>
    </row>
    <row r="434" spans="1:38" s="76" customFormat="1" ht="13.5" customHeight="1" thickBot="1">
      <c r="B434" s="96"/>
      <c r="C434" s="288"/>
      <c r="D434" s="289"/>
      <c r="E434" s="289"/>
      <c r="F434" s="289"/>
      <c r="G434" s="289"/>
      <c r="H434" s="289"/>
      <c r="I434" s="289"/>
      <c r="J434" s="289"/>
      <c r="K434" s="289"/>
      <c r="L434" s="289"/>
      <c r="M434" s="289"/>
      <c r="N434" s="289"/>
      <c r="O434" s="289"/>
      <c r="P434" s="289"/>
      <c r="Q434" s="289"/>
      <c r="R434" s="289"/>
      <c r="S434" s="289"/>
      <c r="T434" s="289"/>
      <c r="U434" s="289"/>
      <c r="V434" s="289"/>
      <c r="W434" s="289"/>
      <c r="X434" s="289"/>
      <c r="Y434" s="289"/>
      <c r="Z434" s="289"/>
      <c r="AA434" s="289"/>
      <c r="AB434" s="289"/>
      <c r="AC434" s="289"/>
      <c r="AD434" s="289"/>
      <c r="AE434" s="289"/>
      <c r="AF434" s="289"/>
      <c r="AG434" s="289"/>
      <c r="AH434" s="289"/>
      <c r="AI434" s="289"/>
      <c r="AJ434" s="290"/>
      <c r="AK434" s="277"/>
      <c r="AL434" s="278"/>
    </row>
    <row r="435" spans="1:38" s="76" customFormat="1" ht="13.5" customHeight="1" thickTop="1">
      <c r="B435" s="96"/>
      <c r="C435" s="285" t="s">
        <v>479</v>
      </c>
      <c r="D435" s="286"/>
      <c r="E435" s="286"/>
      <c r="F435" s="286"/>
      <c r="G435" s="286"/>
      <c r="H435" s="286"/>
      <c r="I435" s="286"/>
      <c r="J435" s="286"/>
      <c r="K435" s="286"/>
      <c r="L435" s="286"/>
      <c r="M435" s="286"/>
      <c r="N435" s="286"/>
      <c r="O435" s="286"/>
      <c r="P435" s="286"/>
      <c r="Q435" s="286"/>
      <c r="R435" s="286"/>
      <c r="S435" s="286"/>
      <c r="T435" s="286"/>
      <c r="U435" s="286"/>
      <c r="V435" s="286"/>
      <c r="W435" s="286"/>
      <c r="X435" s="286"/>
      <c r="Y435" s="286"/>
      <c r="Z435" s="286"/>
      <c r="AA435" s="286"/>
      <c r="AB435" s="286"/>
      <c r="AC435" s="286"/>
      <c r="AD435" s="286"/>
      <c r="AE435" s="286"/>
      <c r="AF435" s="286"/>
      <c r="AG435" s="286"/>
      <c r="AH435" s="286"/>
      <c r="AI435" s="286"/>
      <c r="AJ435" s="287"/>
      <c r="AK435" s="275"/>
      <c r="AL435" s="276"/>
    </row>
    <row r="436" spans="1:38" s="76" customFormat="1" ht="13.5" customHeight="1" thickBot="1">
      <c r="B436" s="96"/>
      <c r="C436" s="309"/>
      <c r="D436" s="251"/>
      <c r="E436" s="251"/>
      <c r="F436" s="251"/>
      <c r="G436" s="251"/>
      <c r="H436" s="251"/>
      <c r="I436" s="251"/>
      <c r="J436" s="251"/>
      <c r="K436" s="251"/>
      <c r="L436" s="251"/>
      <c r="M436" s="251"/>
      <c r="N436" s="251"/>
      <c r="O436" s="251"/>
      <c r="P436" s="251"/>
      <c r="Q436" s="251"/>
      <c r="R436" s="251"/>
      <c r="S436" s="251"/>
      <c r="T436" s="251"/>
      <c r="U436" s="251"/>
      <c r="V436" s="251"/>
      <c r="W436" s="251"/>
      <c r="X436" s="251"/>
      <c r="Y436" s="251"/>
      <c r="Z436" s="251"/>
      <c r="AA436" s="251"/>
      <c r="AB436" s="251"/>
      <c r="AC436" s="251"/>
      <c r="AD436" s="251"/>
      <c r="AE436" s="251"/>
      <c r="AF436" s="251"/>
      <c r="AG436" s="251"/>
      <c r="AH436" s="251"/>
      <c r="AI436" s="251"/>
      <c r="AJ436" s="310"/>
      <c r="AK436" s="277"/>
      <c r="AL436" s="278"/>
    </row>
    <row r="437" spans="1:38" s="76" customFormat="1" ht="13.5" customHeight="1" thickTop="1">
      <c r="B437" s="96"/>
      <c r="C437" s="309"/>
      <c r="D437" s="251"/>
      <c r="E437" s="251"/>
      <c r="F437" s="251"/>
      <c r="G437" s="251"/>
      <c r="H437" s="251"/>
      <c r="I437" s="251"/>
      <c r="J437" s="251"/>
      <c r="K437" s="251"/>
      <c r="L437" s="251"/>
      <c r="M437" s="251"/>
      <c r="N437" s="251"/>
      <c r="O437" s="251"/>
      <c r="P437" s="251"/>
      <c r="Q437" s="251"/>
      <c r="R437" s="251"/>
      <c r="S437" s="251"/>
      <c r="T437" s="251"/>
      <c r="U437" s="251"/>
      <c r="V437" s="251"/>
      <c r="W437" s="251"/>
      <c r="X437" s="251"/>
      <c r="Y437" s="251"/>
      <c r="Z437" s="251"/>
      <c r="AA437" s="251"/>
      <c r="AB437" s="251"/>
      <c r="AC437" s="251"/>
      <c r="AD437" s="251"/>
      <c r="AE437" s="251"/>
      <c r="AF437" s="251"/>
      <c r="AG437" s="251"/>
      <c r="AH437" s="251"/>
      <c r="AI437" s="251"/>
      <c r="AJ437" s="310"/>
      <c r="AK437" s="126"/>
      <c r="AL437" s="126"/>
    </row>
    <row r="438" spans="1:38" s="76" customFormat="1" ht="13.5" customHeight="1">
      <c r="B438" s="96"/>
      <c r="C438" s="309"/>
      <c r="D438" s="251"/>
      <c r="E438" s="251"/>
      <c r="F438" s="251"/>
      <c r="G438" s="251"/>
      <c r="H438" s="251"/>
      <c r="I438" s="251"/>
      <c r="J438" s="251"/>
      <c r="K438" s="251"/>
      <c r="L438" s="251"/>
      <c r="M438" s="251"/>
      <c r="N438" s="251"/>
      <c r="O438" s="251"/>
      <c r="P438" s="251"/>
      <c r="Q438" s="251"/>
      <c r="R438" s="251"/>
      <c r="S438" s="251"/>
      <c r="T438" s="251"/>
      <c r="U438" s="251"/>
      <c r="V438" s="251"/>
      <c r="W438" s="251"/>
      <c r="X438" s="251"/>
      <c r="Y438" s="251"/>
      <c r="Z438" s="251"/>
      <c r="AA438" s="251"/>
      <c r="AB438" s="251"/>
      <c r="AC438" s="251"/>
      <c r="AD438" s="251"/>
      <c r="AE438" s="251"/>
      <c r="AF438" s="251"/>
      <c r="AG438" s="251"/>
      <c r="AH438" s="251"/>
      <c r="AI438" s="251"/>
      <c r="AJ438" s="310"/>
      <c r="AK438" s="126"/>
      <c r="AL438" s="126"/>
    </row>
    <row r="439" spans="1:38" s="76" customFormat="1" ht="13.5" customHeight="1">
      <c r="C439" s="288"/>
      <c r="D439" s="289"/>
      <c r="E439" s="289"/>
      <c r="F439" s="289"/>
      <c r="G439" s="289"/>
      <c r="H439" s="289"/>
      <c r="I439" s="289"/>
      <c r="J439" s="289"/>
      <c r="K439" s="289"/>
      <c r="L439" s="289"/>
      <c r="M439" s="289"/>
      <c r="N439" s="289"/>
      <c r="O439" s="289"/>
      <c r="P439" s="289"/>
      <c r="Q439" s="289"/>
      <c r="R439" s="289"/>
      <c r="S439" s="289"/>
      <c r="T439" s="289"/>
      <c r="U439" s="289"/>
      <c r="V439" s="289"/>
      <c r="W439" s="289"/>
      <c r="X439" s="289"/>
      <c r="Y439" s="289"/>
      <c r="Z439" s="289"/>
      <c r="AA439" s="289"/>
      <c r="AB439" s="289"/>
      <c r="AC439" s="289"/>
      <c r="AD439" s="289"/>
      <c r="AE439" s="289"/>
      <c r="AF439" s="289"/>
      <c r="AG439" s="289"/>
      <c r="AH439" s="289"/>
      <c r="AI439" s="289"/>
      <c r="AJ439" s="290"/>
    </row>
    <row r="440" spans="1:38" s="76" customFormat="1" thickBot="1">
      <c r="A440" s="125"/>
      <c r="B440" s="125"/>
      <c r="C440" s="126" t="s">
        <v>282</v>
      </c>
      <c r="D440" s="126"/>
      <c r="E440" s="126"/>
      <c r="F440" s="126"/>
      <c r="G440" s="126"/>
      <c r="H440" s="126"/>
      <c r="I440" s="126"/>
      <c r="J440" s="126"/>
      <c r="K440" s="126"/>
      <c r="L440" s="126"/>
      <c r="M440" s="126"/>
      <c r="N440" s="126"/>
      <c r="O440" s="126"/>
      <c r="P440" s="126"/>
      <c r="Q440" s="126"/>
      <c r="R440" s="126"/>
      <c r="S440" s="126"/>
      <c r="T440" s="126"/>
      <c r="U440" s="126"/>
      <c r="V440" s="126"/>
      <c r="W440" s="126"/>
      <c r="X440" s="126"/>
      <c r="Y440" s="126"/>
      <c r="Z440" s="126"/>
      <c r="AA440" s="126"/>
      <c r="AB440" s="126"/>
      <c r="AC440" s="126"/>
      <c r="AD440" s="126"/>
      <c r="AE440" s="126"/>
      <c r="AF440" s="126"/>
      <c r="AG440" s="126"/>
      <c r="AH440" s="126"/>
      <c r="AI440" s="126"/>
      <c r="AJ440" s="126"/>
      <c r="AK440" s="126"/>
      <c r="AL440" s="126"/>
    </row>
    <row r="441" spans="1:38" s="76" customFormat="1" ht="13.5" customHeight="1" thickTop="1">
      <c r="C441" s="125"/>
      <c r="D441" s="168"/>
      <c r="E441" s="306" t="s">
        <v>283</v>
      </c>
      <c r="F441" s="262"/>
      <c r="G441" s="262"/>
      <c r="H441" s="262"/>
      <c r="I441" s="262"/>
      <c r="J441" s="262"/>
      <c r="K441" s="262"/>
      <c r="L441" s="262"/>
      <c r="M441" s="262"/>
      <c r="N441" s="262"/>
      <c r="O441" s="262"/>
      <c r="P441" s="262"/>
      <c r="Q441" s="262"/>
      <c r="R441" s="262"/>
      <c r="S441" s="262"/>
      <c r="T441" s="262"/>
      <c r="U441" s="262"/>
      <c r="V441" s="262"/>
      <c r="W441" s="262"/>
      <c r="X441" s="262"/>
      <c r="Y441" s="262"/>
      <c r="Z441" s="262"/>
      <c r="AA441" s="262"/>
      <c r="AB441" s="262"/>
      <c r="AC441" s="262"/>
      <c r="AD441" s="262"/>
      <c r="AE441" s="262"/>
      <c r="AF441" s="262"/>
      <c r="AG441" s="262"/>
      <c r="AH441" s="262"/>
      <c r="AI441" s="262"/>
      <c r="AJ441" s="379"/>
      <c r="AK441" s="466"/>
      <c r="AL441" s="467"/>
    </row>
    <row r="442" spans="1:38" s="76" customFormat="1" ht="13.5" customHeight="1" thickBot="1">
      <c r="C442" s="125"/>
      <c r="D442" s="168"/>
      <c r="E442" s="307"/>
      <c r="F442" s="281"/>
      <c r="G442" s="281"/>
      <c r="H442" s="281"/>
      <c r="I442" s="281"/>
      <c r="J442" s="281"/>
      <c r="K442" s="281"/>
      <c r="L442" s="281"/>
      <c r="M442" s="281"/>
      <c r="N442" s="281"/>
      <c r="O442" s="281"/>
      <c r="P442" s="281"/>
      <c r="Q442" s="281"/>
      <c r="R442" s="281"/>
      <c r="S442" s="281"/>
      <c r="T442" s="281"/>
      <c r="U442" s="281"/>
      <c r="V442" s="281"/>
      <c r="W442" s="281"/>
      <c r="X442" s="281"/>
      <c r="Y442" s="281"/>
      <c r="Z442" s="281"/>
      <c r="AA442" s="281"/>
      <c r="AB442" s="281"/>
      <c r="AC442" s="281"/>
      <c r="AD442" s="281"/>
      <c r="AE442" s="281"/>
      <c r="AF442" s="281"/>
      <c r="AG442" s="281"/>
      <c r="AH442" s="281"/>
      <c r="AI442" s="281"/>
      <c r="AJ442" s="380"/>
      <c r="AK442" s="468"/>
      <c r="AL442" s="469"/>
    </row>
    <row r="443" spans="1:38" s="76" customFormat="1" ht="13.5" customHeight="1" thickTop="1" thickBot="1">
      <c r="C443" s="125"/>
      <c r="D443" s="168"/>
      <c r="E443" s="308"/>
      <c r="F443" s="284"/>
      <c r="G443" s="284"/>
      <c r="H443" s="284"/>
      <c r="I443" s="284"/>
      <c r="J443" s="284"/>
      <c r="K443" s="284"/>
      <c r="L443" s="284"/>
      <c r="M443" s="284"/>
      <c r="N443" s="284"/>
      <c r="O443" s="284"/>
      <c r="P443" s="284"/>
      <c r="Q443" s="284"/>
      <c r="R443" s="284"/>
      <c r="S443" s="284"/>
      <c r="T443" s="284"/>
      <c r="U443" s="284"/>
      <c r="V443" s="284"/>
      <c r="W443" s="284"/>
      <c r="X443" s="284"/>
      <c r="Y443" s="284"/>
      <c r="Z443" s="284"/>
      <c r="AA443" s="284"/>
      <c r="AB443" s="284"/>
      <c r="AC443" s="284"/>
      <c r="AD443" s="284"/>
      <c r="AE443" s="284"/>
      <c r="AF443" s="284"/>
      <c r="AG443" s="284"/>
      <c r="AH443" s="284"/>
      <c r="AI443" s="284"/>
      <c r="AJ443" s="284"/>
      <c r="AK443" s="169"/>
      <c r="AL443" s="170"/>
    </row>
    <row r="444" spans="1:38" s="76" customFormat="1" ht="13.5" customHeight="1" thickTop="1">
      <c r="C444" s="125"/>
      <c r="D444" s="168"/>
      <c r="E444" s="306" t="s">
        <v>284</v>
      </c>
      <c r="F444" s="262"/>
      <c r="G444" s="262"/>
      <c r="H444" s="262"/>
      <c r="I444" s="262"/>
      <c r="J444" s="262"/>
      <c r="K444" s="262"/>
      <c r="L444" s="262"/>
      <c r="M444" s="262"/>
      <c r="N444" s="262"/>
      <c r="O444" s="262"/>
      <c r="P444" s="262"/>
      <c r="Q444" s="262"/>
      <c r="R444" s="262"/>
      <c r="S444" s="262"/>
      <c r="T444" s="262"/>
      <c r="U444" s="262"/>
      <c r="V444" s="262"/>
      <c r="W444" s="262"/>
      <c r="X444" s="262"/>
      <c r="Y444" s="262"/>
      <c r="Z444" s="262"/>
      <c r="AA444" s="262"/>
      <c r="AB444" s="262"/>
      <c r="AC444" s="262"/>
      <c r="AD444" s="262"/>
      <c r="AE444" s="262"/>
      <c r="AF444" s="262"/>
      <c r="AG444" s="262"/>
      <c r="AH444" s="262"/>
      <c r="AI444" s="262"/>
      <c r="AJ444" s="379"/>
      <c r="AK444" s="466"/>
      <c r="AL444" s="467"/>
    </row>
    <row r="445" spans="1:38" s="76" customFormat="1" ht="13.5" customHeight="1" thickBot="1">
      <c r="C445" s="125"/>
      <c r="D445" s="168"/>
      <c r="E445" s="307"/>
      <c r="F445" s="281"/>
      <c r="G445" s="281"/>
      <c r="H445" s="281"/>
      <c r="I445" s="281"/>
      <c r="J445" s="281"/>
      <c r="K445" s="281"/>
      <c r="L445" s="281"/>
      <c r="M445" s="281"/>
      <c r="N445" s="281"/>
      <c r="O445" s="281"/>
      <c r="P445" s="281"/>
      <c r="Q445" s="281"/>
      <c r="R445" s="281"/>
      <c r="S445" s="281"/>
      <c r="T445" s="281"/>
      <c r="U445" s="281"/>
      <c r="V445" s="281"/>
      <c r="W445" s="281"/>
      <c r="X445" s="281"/>
      <c r="Y445" s="281"/>
      <c r="Z445" s="281"/>
      <c r="AA445" s="281"/>
      <c r="AB445" s="281"/>
      <c r="AC445" s="281"/>
      <c r="AD445" s="281"/>
      <c r="AE445" s="281"/>
      <c r="AF445" s="281"/>
      <c r="AG445" s="281"/>
      <c r="AH445" s="281"/>
      <c r="AI445" s="281"/>
      <c r="AJ445" s="380"/>
      <c r="AK445" s="468"/>
      <c r="AL445" s="469"/>
    </row>
    <row r="446" spans="1:38" s="76" customFormat="1" ht="13.5" customHeight="1" thickTop="1">
      <c r="C446" s="125"/>
      <c r="D446" s="168"/>
      <c r="E446" s="308"/>
      <c r="F446" s="284"/>
      <c r="G446" s="284"/>
      <c r="H446" s="284"/>
      <c r="I446" s="284"/>
      <c r="J446" s="284"/>
      <c r="K446" s="284"/>
      <c r="L446" s="284"/>
      <c r="M446" s="284"/>
      <c r="N446" s="284"/>
      <c r="O446" s="284"/>
      <c r="P446" s="284"/>
      <c r="Q446" s="284"/>
      <c r="R446" s="284"/>
      <c r="S446" s="284"/>
      <c r="T446" s="284"/>
      <c r="U446" s="284"/>
      <c r="V446" s="284"/>
      <c r="W446" s="284"/>
      <c r="X446" s="284"/>
      <c r="Y446" s="284"/>
      <c r="Z446" s="284"/>
      <c r="AA446" s="284"/>
      <c r="AB446" s="284"/>
      <c r="AC446" s="284"/>
      <c r="AD446" s="284"/>
      <c r="AE446" s="284"/>
      <c r="AF446" s="284"/>
      <c r="AG446" s="284"/>
      <c r="AH446" s="284"/>
      <c r="AI446" s="284"/>
      <c r="AJ446" s="313"/>
      <c r="AK446" s="137"/>
      <c r="AL446" s="162"/>
    </row>
    <row r="447" spans="1:38" s="76" customFormat="1" ht="9.75" customHeight="1">
      <c r="C447" s="139"/>
      <c r="D447" s="139"/>
      <c r="E447" s="139"/>
      <c r="F447" s="139"/>
      <c r="G447" s="139"/>
      <c r="H447" s="139"/>
      <c r="I447" s="139"/>
      <c r="J447" s="139"/>
      <c r="K447" s="139"/>
      <c r="L447" s="139"/>
      <c r="M447" s="139"/>
      <c r="N447" s="139"/>
      <c r="O447" s="139"/>
      <c r="P447" s="139"/>
      <c r="Q447" s="139"/>
      <c r="R447" s="139"/>
      <c r="S447" s="139"/>
      <c r="T447" s="139"/>
      <c r="U447" s="139"/>
      <c r="V447" s="139"/>
      <c r="W447" s="139"/>
      <c r="X447" s="139"/>
      <c r="Y447" s="139"/>
      <c r="Z447" s="139"/>
      <c r="AA447" s="139"/>
      <c r="AB447" s="139"/>
      <c r="AC447" s="139"/>
      <c r="AD447" s="139"/>
      <c r="AE447" s="139"/>
      <c r="AF447" s="139"/>
      <c r="AG447" s="139"/>
      <c r="AH447" s="139"/>
      <c r="AI447" s="139"/>
      <c r="AJ447" s="139"/>
      <c r="AK447" s="96"/>
      <c r="AL447" s="96"/>
    </row>
    <row r="448" spans="1:38" s="76" customFormat="1" ht="13.5" customHeight="1" thickBot="1">
      <c r="C448" s="126" t="s">
        <v>270</v>
      </c>
      <c r="D448" s="125"/>
      <c r="E448" s="133"/>
      <c r="F448" s="133"/>
      <c r="G448" s="133"/>
      <c r="H448" s="133"/>
      <c r="I448" s="133"/>
      <c r="J448" s="133"/>
      <c r="K448" s="133"/>
      <c r="L448" s="133"/>
      <c r="M448" s="133"/>
      <c r="N448" s="133"/>
      <c r="O448" s="133"/>
      <c r="P448" s="133"/>
      <c r="Q448" s="133"/>
      <c r="R448" s="133"/>
      <c r="S448" s="133"/>
      <c r="T448" s="133"/>
      <c r="U448" s="133"/>
      <c r="V448" s="133"/>
      <c r="W448" s="133"/>
      <c r="X448" s="133"/>
      <c r="Y448" s="133"/>
      <c r="Z448" s="133"/>
      <c r="AA448" s="133"/>
      <c r="AB448" s="133"/>
      <c r="AC448" s="133"/>
      <c r="AD448" s="133"/>
      <c r="AE448" s="133"/>
      <c r="AF448" s="133"/>
      <c r="AG448" s="133"/>
      <c r="AH448" s="133"/>
      <c r="AI448" s="133"/>
      <c r="AJ448" s="133"/>
      <c r="AK448" s="171"/>
      <c r="AL448" s="171"/>
    </row>
    <row r="449" spans="3:38" s="76" customFormat="1" ht="13.5" customHeight="1" thickTop="1">
      <c r="C449" s="306" t="s">
        <v>271</v>
      </c>
      <c r="D449" s="262"/>
      <c r="E449" s="262"/>
      <c r="F449" s="262"/>
      <c r="G449" s="262"/>
      <c r="H449" s="262"/>
      <c r="I449" s="262"/>
      <c r="J449" s="262"/>
      <c r="K449" s="262"/>
      <c r="L449" s="262"/>
      <c r="M449" s="262"/>
      <c r="N449" s="262"/>
      <c r="O449" s="262"/>
      <c r="P449" s="262"/>
      <c r="Q449" s="262"/>
      <c r="R449" s="262"/>
      <c r="S449" s="262"/>
      <c r="T449" s="262"/>
      <c r="U449" s="262"/>
      <c r="V449" s="262"/>
      <c r="W449" s="262"/>
      <c r="X449" s="262"/>
      <c r="Y449" s="262"/>
      <c r="Z449" s="262"/>
      <c r="AA449" s="262"/>
      <c r="AB449" s="262"/>
      <c r="AC449" s="262"/>
      <c r="AD449" s="262"/>
      <c r="AE449" s="262"/>
      <c r="AF449" s="262"/>
      <c r="AG449" s="262"/>
      <c r="AH449" s="262"/>
      <c r="AI449" s="262"/>
      <c r="AJ449" s="379"/>
      <c r="AK449" s="172"/>
      <c r="AL449" s="173"/>
    </row>
    <row r="450" spans="3:38" s="76" customFormat="1" ht="13.5" customHeight="1" thickBot="1">
      <c r="C450" s="307"/>
      <c r="D450" s="281"/>
      <c r="E450" s="281"/>
      <c r="F450" s="281"/>
      <c r="G450" s="281"/>
      <c r="H450" s="281"/>
      <c r="I450" s="281"/>
      <c r="J450" s="281"/>
      <c r="K450" s="281"/>
      <c r="L450" s="281"/>
      <c r="M450" s="281"/>
      <c r="N450" s="281"/>
      <c r="O450" s="281"/>
      <c r="P450" s="281"/>
      <c r="Q450" s="281"/>
      <c r="R450" s="281"/>
      <c r="S450" s="281"/>
      <c r="T450" s="281"/>
      <c r="U450" s="281"/>
      <c r="V450" s="281"/>
      <c r="W450" s="281"/>
      <c r="X450" s="281"/>
      <c r="Y450" s="281"/>
      <c r="Z450" s="281"/>
      <c r="AA450" s="281"/>
      <c r="AB450" s="281"/>
      <c r="AC450" s="281"/>
      <c r="AD450" s="281"/>
      <c r="AE450" s="281"/>
      <c r="AF450" s="281"/>
      <c r="AG450" s="281"/>
      <c r="AH450" s="281"/>
      <c r="AI450" s="281"/>
      <c r="AJ450" s="380"/>
      <c r="AK450" s="174"/>
      <c r="AL450" s="175"/>
    </row>
    <row r="451" spans="3:38" s="76" customFormat="1" ht="9.5" customHeight="1" thickTop="1" thickBot="1">
      <c r="C451" s="308"/>
      <c r="D451" s="284"/>
      <c r="E451" s="284"/>
      <c r="F451" s="284"/>
      <c r="G451" s="284"/>
      <c r="H451" s="284"/>
      <c r="I451" s="284"/>
      <c r="J451" s="284"/>
      <c r="K451" s="284"/>
      <c r="L451" s="284"/>
      <c r="M451" s="284"/>
      <c r="N451" s="284"/>
      <c r="O451" s="284"/>
      <c r="P451" s="284"/>
      <c r="Q451" s="284"/>
      <c r="R451" s="284"/>
      <c r="S451" s="284"/>
      <c r="T451" s="284"/>
      <c r="U451" s="284"/>
      <c r="V451" s="284"/>
      <c r="W451" s="284"/>
      <c r="X451" s="284"/>
      <c r="Y451" s="284"/>
      <c r="Z451" s="284"/>
      <c r="AA451" s="284"/>
      <c r="AB451" s="284"/>
      <c r="AC451" s="284"/>
      <c r="AD451" s="284"/>
      <c r="AE451" s="284"/>
      <c r="AF451" s="284"/>
      <c r="AG451" s="284"/>
      <c r="AH451" s="284"/>
      <c r="AI451" s="284"/>
      <c r="AJ451" s="284"/>
      <c r="AK451" s="176"/>
      <c r="AL451" s="177"/>
    </row>
    <row r="452" spans="3:38" s="76" customFormat="1" ht="13.5" customHeight="1" thickTop="1">
      <c r="C452" s="125"/>
      <c r="D452" s="125"/>
      <c r="E452" s="306" t="s">
        <v>285</v>
      </c>
      <c r="F452" s="262"/>
      <c r="G452" s="262"/>
      <c r="H452" s="262"/>
      <c r="I452" s="262"/>
      <c r="J452" s="262"/>
      <c r="K452" s="262"/>
      <c r="L452" s="262"/>
      <c r="M452" s="262"/>
      <c r="N452" s="262"/>
      <c r="O452" s="262"/>
      <c r="P452" s="262"/>
      <c r="Q452" s="262"/>
      <c r="R452" s="262"/>
      <c r="S452" s="262"/>
      <c r="T452" s="262"/>
      <c r="U452" s="262"/>
      <c r="V452" s="262"/>
      <c r="W452" s="262"/>
      <c r="X452" s="262"/>
      <c r="Y452" s="262"/>
      <c r="Z452" s="262"/>
      <c r="AA452" s="262"/>
      <c r="AB452" s="262"/>
      <c r="AC452" s="262"/>
      <c r="AD452" s="262"/>
      <c r="AE452" s="262"/>
      <c r="AF452" s="262"/>
      <c r="AG452" s="262"/>
      <c r="AH452" s="262"/>
      <c r="AI452" s="262"/>
      <c r="AJ452" s="379"/>
      <c r="AK452" s="466"/>
      <c r="AL452" s="467"/>
    </row>
    <row r="453" spans="3:38" s="76" customFormat="1" ht="13.5" customHeight="1" thickBot="1">
      <c r="C453" s="125"/>
      <c r="D453" s="125"/>
      <c r="E453" s="307"/>
      <c r="F453" s="281"/>
      <c r="G453" s="281"/>
      <c r="H453" s="281"/>
      <c r="I453" s="281"/>
      <c r="J453" s="281"/>
      <c r="K453" s="281"/>
      <c r="L453" s="281"/>
      <c r="M453" s="281"/>
      <c r="N453" s="281"/>
      <c r="O453" s="281"/>
      <c r="P453" s="281"/>
      <c r="Q453" s="281"/>
      <c r="R453" s="281"/>
      <c r="S453" s="281"/>
      <c r="T453" s="281"/>
      <c r="U453" s="281"/>
      <c r="V453" s="281"/>
      <c r="W453" s="281"/>
      <c r="X453" s="281"/>
      <c r="Y453" s="281"/>
      <c r="Z453" s="281"/>
      <c r="AA453" s="281"/>
      <c r="AB453" s="281"/>
      <c r="AC453" s="281"/>
      <c r="AD453" s="281"/>
      <c r="AE453" s="281"/>
      <c r="AF453" s="281"/>
      <c r="AG453" s="281"/>
      <c r="AH453" s="281"/>
      <c r="AI453" s="281"/>
      <c r="AJ453" s="380"/>
      <c r="AK453" s="470"/>
      <c r="AL453" s="471"/>
    </row>
    <row r="454" spans="3:38" s="76" customFormat="1" ht="13.5" customHeight="1" thickTop="1" thickBot="1">
      <c r="C454" s="125"/>
      <c r="D454" s="125"/>
      <c r="E454" s="308"/>
      <c r="F454" s="284"/>
      <c r="G454" s="284"/>
      <c r="H454" s="284"/>
      <c r="I454" s="284"/>
      <c r="J454" s="284"/>
      <c r="K454" s="284"/>
      <c r="L454" s="284"/>
      <c r="M454" s="284"/>
      <c r="N454" s="284"/>
      <c r="O454" s="284"/>
      <c r="P454" s="284"/>
      <c r="Q454" s="284"/>
      <c r="R454" s="284"/>
      <c r="S454" s="284"/>
      <c r="T454" s="284"/>
      <c r="U454" s="284"/>
      <c r="V454" s="284"/>
      <c r="W454" s="284"/>
      <c r="X454" s="284"/>
      <c r="Y454" s="284"/>
      <c r="Z454" s="284"/>
      <c r="AA454" s="284"/>
      <c r="AB454" s="284"/>
      <c r="AC454" s="284"/>
      <c r="AD454" s="284"/>
      <c r="AE454" s="284"/>
      <c r="AF454" s="284"/>
      <c r="AG454" s="284"/>
      <c r="AH454" s="284"/>
      <c r="AI454" s="284"/>
      <c r="AJ454" s="284"/>
      <c r="AK454" s="137"/>
      <c r="AL454" s="162"/>
    </row>
    <row r="455" spans="3:38" s="76" customFormat="1" ht="13.5" customHeight="1" thickTop="1">
      <c r="C455" s="125"/>
      <c r="D455" s="125"/>
      <c r="E455" s="306" t="s">
        <v>412</v>
      </c>
      <c r="F455" s="262"/>
      <c r="G455" s="262"/>
      <c r="H455" s="262"/>
      <c r="I455" s="262"/>
      <c r="J455" s="262"/>
      <c r="K455" s="262"/>
      <c r="L455" s="262"/>
      <c r="M455" s="262"/>
      <c r="N455" s="262"/>
      <c r="O455" s="262"/>
      <c r="P455" s="262"/>
      <c r="Q455" s="262"/>
      <c r="R455" s="262"/>
      <c r="S455" s="262"/>
      <c r="T455" s="262"/>
      <c r="U455" s="262"/>
      <c r="V455" s="262"/>
      <c r="W455" s="262"/>
      <c r="X455" s="262"/>
      <c r="Y455" s="262"/>
      <c r="Z455" s="262"/>
      <c r="AA455" s="262"/>
      <c r="AB455" s="262"/>
      <c r="AC455" s="262"/>
      <c r="AD455" s="262"/>
      <c r="AE455" s="262"/>
      <c r="AF455" s="262"/>
      <c r="AG455" s="262"/>
      <c r="AH455" s="262"/>
      <c r="AI455" s="262"/>
      <c r="AJ455" s="262"/>
      <c r="AK455" s="466"/>
      <c r="AL455" s="467"/>
    </row>
    <row r="456" spans="3:38" s="76" customFormat="1" ht="13.5" customHeight="1" thickBot="1">
      <c r="C456" s="125"/>
      <c r="D456" s="125"/>
      <c r="E456" s="307"/>
      <c r="F456" s="281"/>
      <c r="G456" s="281"/>
      <c r="H456" s="281"/>
      <c r="I456" s="281"/>
      <c r="J456" s="281"/>
      <c r="K456" s="281"/>
      <c r="L456" s="281"/>
      <c r="M456" s="281"/>
      <c r="N456" s="281"/>
      <c r="O456" s="281"/>
      <c r="P456" s="281"/>
      <c r="Q456" s="281"/>
      <c r="R456" s="281"/>
      <c r="S456" s="281"/>
      <c r="T456" s="281"/>
      <c r="U456" s="281"/>
      <c r="V456" s="281"/>
      <c r="W456" s="281"/>
      <c r="X456" s="281"/>
      <c r="Y456" s="281"/>
      <c r="Z456" s="281"/>
      <c r="AA456" s="281"/>
      <c r="AB456" s="281"/>
      <c r="AC456" s="281"/>
      <c r="AD456" s="281"/>
      <c r="AE456" s="281"/>
      <c r="AF456" s="281"/>
      <c r="AG456" s="281"/>
      <c r="AH456" s="281"/>
      <c r="AI456" s="281"/>
      <c r="AJ456" s="281"/>
      <c r="AK456" s="470"/>
      <c r="AL456" s="471"/>
    </row>
    <row r="457" spans="3:38" s="76" customFormat="1" ht="13.5" customHeight="1" thickTop="1">
      <c r="C457" s="125"/>
      <c r="D457" s="125"/>
      <c r="E457" s="307"/>
      <c r="F457" s="281"/>
      <c r="G457" s="281"/>
      <c r="H457" s="281"/>
      <c r="I457" s="281"/>
      <c r="J457" s="281"/>
      <c r="K457" s="281"/>
      <c r="L457" s="281"/>
      <c r="M457" s="281"/>
      <c r="N457" s="281"/>
      <c r="O457" s="281"/>
      <c r="P457" s="281"/>
      <c r="Q457" s="281"/>
      <c r="R457" s="281"/>
      <c r="S457" s="281"/>
      <c r="T457" s="281"/>
      <c r="U457" s="281"/>
      <c r="V457" s="281"/>
      <c r="W457" s="281"/>
      <c r="X457" s="281"/>
      <c r="Y457" s="281"/>
      <c r="Z457" s="281"/>
      <c r="AA457" s="281"/>
      <c r="AB457" s="281"/>
      <c r="AC457" s="281"/>
      <c r="AD457" s="281"/>
      <c r="AE457" s="281"/>
      <c r="AF457" s="281"/>
      <c r="AG457" s="281"/>
      <c r="AH457" s="281"/>
      <c r="AI457" s="281"/>
      <c r="AJ457" s="380"/>
      <c r="AK457" s="176"/>
      <c r="AL457" s="177"/>
    </row>
    <row r="458" spans="3:38" s="76" customFormat="1" ht="12" customHeight="1" thickBot="1">
      <c r="C458" s="125"/>
      <c r="D458" s="125"/>
      <c r="E458" s="308"/>
      <c r="F458" s="284"/>
      <c r="G458" s="284"/>
      <c r="H458" s="284"/>
      <c r="I458" s="284"/>
      <c r="J458" s="284"/>
      <c r="K458" s="284"/>
      <c r="L458" s="284"/>
      <c r="M458" s="284"/>
      <c r="N458" s="284"/>
      <c r="O458" s="284"/>
      <c r="P458" s="284"/>
      <c r="Q458" s="284"/>
      <c r="R458" s="284"/>
      <c r="S458" s="284"/>
      <c r="T458" s="284"/>
      <c r="U458" s="284"/>
      <c r="V458" s="284"/>
      <c r="W458" s="284"/>
      <c r="X458" s="284"/>
      <c r="Y458" s="284"/>
      <c r="Z458" s="284"/>
      <c r="AA458" s="284"/>
      <c r="AB458" s="284"/>
      <c r="AC458" s="284"/>
      <c r="AD458" s="284"/>
      <c r="AE458" s="284"/>
      <c r="AF458" s="284"/>
      <c r="AG458" s="284"/>
      <c r="AH458" s="284"/>
      <c r="AI458" s="284"/>
      <c r="AJ458" s="313"/>
      <c r="AK458" s="140"/>
      <c r="AL458" s="171"/>
    </row>
    <row r="459" spans="3:38" s="76" customFormat="1" ht="13.5" customHeight="1" thickTop="1">
      <c r="C459" s="125"/>
      <c r="D459" s="125"/>
      <c r="E459" s="306" t="s">
        <v>413</v>
      </c>
      <c r="F459" s="262"/>
      <c r="G459" s="262"/>
      <c r="H459" s="262"/>
      <c r="I459" s="262"/>
      <c r="J459" s="262"/>
      <c r="K459" s="262"/>
      <c r="L459" s="262"/>
      <c r="M459" s="262"/>
      <c r="N459" s="262"/>
      <c r="O459" s="262"/>
      <c r="P459" s="262"/>
      <c r="Q459" s="262"/>
      <c r="R459" s="262"/>
      <c r="S459" s="262"/>
      <c r="T459" s="262"/>
      <c r="U459" s="262"/>
      <c r="V459" s="262"/>
      <c r="W459" s="262"/>
      <c r="X459" s="262"/>
      <c r="Y459" s="262"/>
      <c r="Z459" s="262"/>
      <c r="AA459" s="262"/>
      <c r="AB459" s="262"/>
      <c r="AC459" s="262"/>
      <c r="AD459" s="262"/>
      <c r="AE459" s="262"/>
      <c r="AF459" s="262"/>
      <c r="AG459" s="262"/>
      <c r="AH459" s="262"/>
      <c r="AI459" s="262"/>
      <c r="AJ459" s="379"/>
      <c r="AK459" s="466"/>
      <c r="AL459" s="467"/>
    </row>
    <row r="460" spans="3:38" s="76" customFormat="1" ht="13.5" customHeight="1" thickBot="1">
      <c r="C460" s="125"/>
      <c r="D460" s="125"/>
      <c r="E460" s="307"/>
      <c r="F460" s="281"/>
      <c r="G460" s="281"/>
      <c r="H460" s="281"/>
      <c r="I460" s="281"/>
      <c r="J460" s="281"/>
      <c r="K460" s="281"/>
      <c r="L460" s="281"/>
      <c r="M460" s="281"/>
      <c r="N460" s="281"/>
      <c r="O460" s="281"/>
      <c r="P460" s="281"/>
      <c r="Q460" s="281"/>
      <c r="R460" s="281"/>
      <c r="S460" s="281"/>
      <c r="T460" s="281"/>
      <c r="U460" s="281"/>
      <c r="V460" s="281"/>
      <c r="W460" s="281"/>
      <c r="X460" s="281"/>
      <c r="Y460" s="281"/>
      <c r="Z460" s="281"/>
      <c r="AA460" s="281"/>
      <c r="AB460" s="281"/>
      <c r="AC460" s="281"/>
      <c r="AD460" s="281"/>
      <c r="AE460" s="281"/>
      <c r="AF460" s="281"/>
      <c r="AG460" s="281"/>
      <c r="AH460" s="281"/>
      <c r="AI460" s="281"/>
      <c r="AJ460" s="380"/>
      <c r="AK460" s="470"/>
      <c r="AL460" s="471"/>
    </row>
    <row r="461" spans="3:38" s="76" customFormat="1" ht="13.5" customHeight="1" thickTop="1" thickBot="1">
      <c r="C461" s="125"/>
      <c r="D461" s="125"/>
      <c r="E461" s="308"/>
      <c r="F461" s="284"/>
      <c r="G461" s="284"/>
      <c r="H461" s="284"/>
      <c r="I461" s="284"/>
      <c r="J461" s="284"/>
      <c r="K461" s="284"/>
      <c r="L461" s="284"/>
      <c r="M461" s="284"/>
      <c r="N461" s="284"/>
      <c r="O461" s="284"/>
      <c r="P461" s="284"/>
      <c r="Q461" s="284"/>
      <c r="R461" s="284"/>
      <c r="S461" s="284"/>
      <c r="T461" s="284"/>
      <c r="U461" s="284"/>
      <c r="V461" s="284"/>
      <c r="W461" s="284"/>
      <c r="X461" s="284"/>
      <c r="Y461" s="284"/>
      <c r="Z461" s="284"/>
      <c r="AA461" s="284"/>
      <c r="AB461" s="284"/>
      <c r="AC461" s="284"/>
      <c r="AD461" s="284"/>
      <c r="AE461" s="284"/>
      <c r="AF461" s="284"/>
      <c r="AG461" s="284"/>
      <c r="AH461" s="284"/>
      <c r="AI461" s="284"/>
      <c r="AJ461" s="313"/>
      <c r="AK461" s="137"/>
      <c r="AL461" s="162"/>
    </row>
    <row r="462" spans="3:38" s="76" customFormat="1" ht="13.5" customHeight="1" thickTop="1">
      <c r="C462" s="125"/>
      <c r="D462" s="125"/>
      <c r="E462" s="306" t="s">
        <v>414</v>
      </c>
      <c r="F462" s="262"/>
      <c r="G462" s="262"/>
      <c r="H462" s="262"/>
      <c r="I462" s="262"/>
      <c r="J462" s="262"/>
      <c r="K462" s="262"/>
      <c r="L462" s="262"/>
      <c r="M462" s="262"/>
      <c r="N462" s="262"/>
      <c r="O462" s="262"/>
      <c r="P462" s="262"/>
      <c r="Q462" s="262"/>
      <c r="R462" s="262"/>
      <c r="S462" s="262"/>
      <c r="T462" s="262"/>
      <c r="U462" s="262"/>
      <c r="V462" s="262"/>
      <c r="W462" s="262"/>
      <c r="X462" s="262"/>
      <c r="Y462" s="262"/>
      <c r="Z462" s="262"/>
      <c r="AA462" s="262"/>
      <c r="AB462" s="262"/>
      <c r="AC462" s="262"/>
      <c r="AD462" s="262"/>
      <c r="AE462" s="262"/>
      <c r="AF462" s="262"/>
      <c r="AG462" s="262"/>
      <c r="AH462" s="262"/>
      <c r="AI462" s="262"/>
      <c r="AJ462" s="379"/>
      <c r="AK462" s="466"/>
      <c r="AL462" s="467"/>
    </row>
    <row r="463" spans="3:38" s="76" customFormat="1" ht="13.5" customHeight="1" thickBot="1">
      <c r="C463" s="125"/>
      <c r="D463" s="125"/>
      <c r="E463" s="307"/>
      <c r="F463" s="281"/>
      <c r="G463" s="281"/>
      <c r="H463" s="281"/>
      <c r="I463" s="281"/>
      <c r="J463" s="281"/>
      <c r="K463" s="281"/>
      <c r="L463" s="281"/>
      <c r="M463" s="281"/>
      <c r="N463" s="281"/>
      <c r="O463" s="281"/>
      <c r="P463" s="281"/>
      <c r="Q463" s="281"/>
      <c r="R463" s="281"/>
      <c r="S463" s="281"/>
      <c r="T463" s="281"/>
      <c r="U463" s="281"/>
      <c r="V463" s="281"/>
      <c r="W463" s="281"/>
      <c r="X463" s="281"/>
      <c r="Y463" s="281"/>
      <c r="Z463" s="281"/>
      <c r="AA463" s="281"/>
      <c r="AB463" s="281"/>
      <c r="AC463" s="281"/>
      <c r="AD463" s="281"/>
      <c r="AE463" s="281"/>
      <c r="AF463" s="281"/>
      <c r="AG463" s="281"/>
      <c r="AH463" s="281"/>
      <c r="AI463" s="281"/>
      <c r="AJ463" s="380"/>
      <c r="AK463" s="470"/>
      <c r="AL463" s="471"/>
    </row>
    <row r="464" spans="3:38" s="76" customFormat="1" ht="13.5" customHeight="1" thickTop="1" thickBot="1">
      <c r="C464" s="125"/>
      <c r="D464" s="125"/>
      <c r="E464" s="308"/>
      <c r="F464" s="284"/>
      <c r="G464" s="284"/>
      <c r="H464" s="284"/>
      <c r="I464" s="284"/>
      <c r="J464" s="284"/>
      <c r="K464" s="284"/>
      <c r="L464" s="284"/>
      <c r="M464" s="284"/>
      <c r="N464" s="284"/>
      <c r="O464" s="284"/>
      <c r="P464" s="284"/>
      <c r="Q464" s="284"/>
      <c r="R464" s="284"/>
      <c r="S464" s="284"/>
      <c r="T464" s="284"/>
      <c r="U464" s="284"/>
      <c r="V464" s="284"/>
      <c r="W464" s="284"/>
      <c r="X464" s="284"/>
      <c r="Y464" s="284"/>
      <c r="Z464" s="284"/>
      <c r="AA464" s="284"/>
      <c r="AB464" s="284"/>
      <c r="AC464" s="284"/>
      <c r="AD464" s="284"/>
      <c r="AE464" s="284"/>
      <c r="AF464" s="284"/>
      <c r="AG464" s="284"/>
      <c r="AH464" s="284"/>
      <c r="AI464" s="284"/>
      <c r="AJ464" s="313"/>
      <c r="AK464" s="169"/>
      <c r="AL464" s="170"/>
    </row>
    <row r="465" spans="1:38" s="76" customFormat="1" ht="13.5" customHeight="1" thickTop="1">
      <c r="C465" s="125"/>
      <c r="D465" s="125"/>
      <c r="E465" s="306" t="s">
        <v>653</v>
      </c>
      <c r="F465" s="262"/>
      <c r="G465" s="262"/>
      <c r="H465" s="262"/>
      <c r="I465" s="262"/>
      <c r="J465" s="262"/>
      <c r="K465" s="262"/>
      <c r="L465" s="262"/>
      <c r="M465" s="262"/>
      <c r="N465" s="262"/>
      <c r="O465" s="262"/>
      <c r="P465" s="262"/>
      <c r="Q465" s="262"/>
      <c r="R465" s="262"/>
      <c r="S465" s="262"/>
      <c r="T465" s="262"/>
      <c r="U465" s="262"/>
      <c r="V465" s="262"/>
      <c r="W465" s="262"/>
      <c r="X465" s="262"/>
      <c r="Y465" s="262"/>
      <c r="Z465" s="262"/>
      <c r="AA465" s="262"/>
      <c r="AB465" s="262"/>
      <c r="AC465" s="262"/>
      <c r="AD465" s="262"/>
      <c r="AE465" s="262"/>
      <c r="AF465" s="262"/>
      <c r="AG465" s="262"/>
      <c r="AH465" s="262"/>
      <c r="AI465" s="262"/>
      <c r="AJ465" s="379"/>
      <c r="AK465" s="466"/>
      <c r="AL465" s="467"/>
    </row>
    <row r="466" spans="1:38" s="76" customFormat="1" ht="13.5" customHeight="1" thickBot="1">
      <c r="C466" s="125"/>
      <c r="D466" s="125"/>
      <c r="E466" s="307"/>
      <c r="F466" s="281"/>
      <c r="G466" s="281"/>
      <c r="H466" s="281"/>
      <c r="I466" s="281"/>
      <c r="J466" s="281"/>
      <c r="K466" s="281"/>
      <c r="L466" s="281"/>
      <c r="M466" s="281"/>
      <c r="N466" s="281"/>
      <c r="O466" s="281"/>
      <c r="P466" s="281"/>
      <c r="Q466" s="281"/>
      <c r="R466" s="281"/>
      <c r="S466" s="281"/>
      <c r="T466" s="281"/>
      <c r="U466" s="281"/>
      <c r="V466" s="281"/>
      <c r="W466" s="281"/>
      <c r="X466" s="281"/>
      <c r="Y466" s="281"/>
      <c r="Z466" s="281"/>
      <c r="AA466" s="281"/>
      <c r="AB466" s="281"/>
      <c r="AC466" s="281"/>
      <c r="AD466" s="281"/>
      <c r="AE466" s="281"/>
      <c r="AF466" s="281"/>
      <c r="AG466" s="281"/>
      <c r="AH466" s="281"/>
      <c r="AI466" s="281"/>
      <c r="AJ466" s="380"/>
      <c r="AK466" s="470"/>
      <c r="AL466" s="471"/>
    </row>
    <row r="467" spans="1:38" s="76" customFormat="1" ht="13.5" customHeight="1" thickTop="1">
      <c r="C467" s="125"/>
      <c r="D467" s="125"/>
      <c r="E467" s="308"/>
      <c r="F467" s="284"/>
      <c r="G467" s="284"/>
      <c r="H467" s="284"/>
      <c r="I467" s="284"/>
      <c r="J467" s="284"/>
      <c r="K467" s="284"/>
      <c r="L467" s="284"/>
      <c r="M467" s="284"/>
      <c r="N467" s="284"/>
      <c r="O467" s="284"/>
      <c r="P467" s="284"/>
      <c r="Q467" s="284"/>
      <c r="R467" s="284"/>
      <c r="S467" s="284"/>
      <c r="T467" s="284"/>
      <c r="U467" s="284"/>
      <c r="V467" s="284"/>
      <c r="W467" s="284"/>
      <c r="X467" s="284"/>
      <c r="Y467" s="284"/>
      <c r="Z467" s="284"/>
      <c r="AA467" s="284"/>
      <c r="AB467" s="284"/>
      <c r="AC467" s="284"/>
      <c r="AD467" s="284"/>
      <c r="AE467" s="284"/>
      <c r="AF467" s="284"/>
      <c r="AG467" s="284"/>
      <c r="AH467" s="284"/>
      <c r="AI467" s="284"/>
      <c r="AJ467" s="313"/>
      <c r="AK467" s="137"/>
      <c r="AL467" s="162"/>
    </row>
    <row r="468" spans="1:38" s="76" customFormat="1" ht="13.5" customHeight="1" thickBot="1"/>
    <row r="469" spans="1:38" s="76" customFormat="1" ht="13.5" customHeight="1" thickTop="1">
      <c r="A469" s="266">
        <v>44</v>
      </c>
      <c r="B469" s="302"/>
      <c r="C469" s="270" t="s">
        <v>521</v>
      </c>
      <c r="D469" s="271"/>
      <c r="E469" s="271"/>
      <c r="F469" s="271"/>
      <c r="G469" s="271"/>
      <c r="H469" s="271"/>
      <c r="I469" s="271"/>
      <c r="J469" s="271"/>
      <c r="K469" s="271"/>
      <c r="L469" s="271"/>
      <c r="M469" s="271"/>
      <c r="N469" s="271"/>
      <c r="O469" s="271"/>
      <c r="P469" s="271"/>
      <c r="Q469" s="271"/>
      <c r="R469" s="271"/>
      <c r="S469" s="271"/>
      <c r="T469" s="271"/>
      <c r="U469" s="271"/>
      <c r="V469" s="271"/>
      <c r="W469" s="271"/>
      <c r="X469" s="271"/>
      <c r="Y469" s="271"/>
      <c r="Z469" s="271"/>
      <c r="AA469" s="271"/>
      <c r="AB469" s="271"/>
      <c r="AC469" s="271"/>
      <c r="AD469" s="271"/>
      <c r="AE469" s="271"/>
      <c r="AF469" s="271"/>
      <c r="AG469" s="271"/>
      <c r="AH469" s="271"/>
      <c r="AI469" s="271"/>
      <c r="AJ469" s="271"/>
      <c r="AK469" s="466"/>
      <c r="AL469" s="467"/>
    </row>
    <row r="470" spans="1:38" s="76" customFormat="1" ht="13.5" customHeight="1" thickBot="1">
      <c r="A470" s="268"/>
      <c r="B470" s="303"/>
      <c r="C470" s="272"/>
      <c r="D470" s="281"/>
      <c r="E470" s="281"/>
      <c r="F470" s="281"/>
      <c r="G470" s="281"/>
      <c r="H470" s="281"/>
      <c r="I470" s="281"/>
      <c r="J470" s="281"/>
      <c r="K470" s="281"/>
      <c r="L470" s="281"/>
      <c r="M470" s="281"/>
      <c r="N470" s="281"/>
      <c r="O470" s="281"/>
      <c r="P470" s="281"/>
      <c r="Q470" s="281"/>
      <c r="R470" s="281"/>
      <c r="S470" s="281"/>
      <c r="T470" s="281"/>
      <c r="U470" s="281"/>
      <c r="V470" s="281"/>
      <c r="W470" s="281"/>
      <c r="X470" s="281"/>
      <c r="Y470" s="281"/>
      <c r="Z470" s="281"/>
      <c r="AA470" s="281"/>
      <c r="AB470" s="281"/>
      <c r="AC470" s="281"/>
      <c r="AD470" s="281"/>
      <c r="AE470" s="281"/>
      <c r="AF470" s="281"/>
      <c r="AG470" s="281"/>
      <c r="AH470" s="281"/>
      <c r="AI470" s="281"/>
      <c r="AJ470" s="281"/>
      <c r="AK470" s="470"/>
      <c r="AL470" s="471"/>
    </row>
    <row r="471" spans="1:38" s="76" customFormat="1" ht="13.5" customHeight="1" thickTop="1">
      <c r="A471" s="125"/>
      <c r="B471" s="125"/>
      <c r="C471" s="273"/>
      <c r="D471" s="274"/>
      <c r="E471" s="274"/>
      <c r="F471" s="274"/>
      <c r="G471" s="274"/>
      <c r="H471" s="274"/>
      <c r="I471" s="274"/>
      <c r="J471" s="274"/>
      <c r="K471" s="274"/>
      <c r="L471" s="274"/>
      <c r="M471" s="274"/>
      <c r="N471" s="274"/>
      <c r="O471" s="274"/>
      <c r="P471" s="274"/>
      <c r="Q471" s="274"/>
      <c r="R471" s="274"/>
      <c r="S471" s="274"/>
      <c r="T471" s="274"/>
      <c r="U471" s="274"/>
      <c r="V471" s="274"/>
      <c r="W471" s="274"/>
      <c r="X471" s="274"/>
      <c r="Y471" s="274"/>
      <c r="Z471" s="274"/>
      <c r="AA471" s="274"/>
      <c r="AB471" s="274"/>
      <c r="AC471" s="274"/>
      <c r="AD471" s="274"/>
      <c r="AE471" s="274"/>
      <c r="AF471" s="274"/>
      <c r="AG471" s="274"/>
      <c r="AH471" s="274"/>
      <c r="AI471" s="274"/>
      <c r="AJ471" s="274"/>
      <c r="AK471" s="130"/>
      <c r="AL471" s="162"/>
    </row>
    <row r="472" spans="1:38" s="76" customFormat="1" ht="13.5" customHeight="1" thickBot="1"/>
    <row r="473" spans="1:38" s="76" customFormat="1" ht="13.5" customHeight="1" thickTop="1">
      <c r="A473" s="266">
        <v>45</v>
      </c>
      <c r="B473" s="302"/>
      <c r="C473" s="270" t="s">
        <v>522</v>
      </c>
      <c r="D473" s="271"/>
      <c r="E473" s="271"/>
      <c r="F473" s="271"/>
      <c r="G473" s="271"/>
      <c r="H473" s="271"/>
      <c r="I473" s="271"/>
      <c r="J473" s="271"/>
      <c r="K473" s="271"/>
      <c r="L473" s="271"/>
      <c r="M473" s="271"/>
      <c r="N473" s="271"/>
      <c r="O473" s="271"/>
      <c r="P473" s="271"/>
      <c r="Q473" s="271"/>
      <c r="R473" s="271"/>
      <c r="S473" s="271"/>
      <c r="T473" s="271"/>
      <c r="U473" s="271"/>
      <c r="V473" s="271"/>
      <c r="W473" s="271"/>
      <c r="X473" s="271"/>
      <c r="Y473" s="271"/>
      <c r="Z473" s="271"/>
      <c r="AA473" s="271"/>
      <c r="AB473" s="271"/>
      <c r="AC473" s="271"/>
      <c r="AD473" s="271"/>
      <c r="AE473" s="271"/>
      <c r="AF473" s="271"/>
      <c r="AG473" s="271"/>
      <c r="AH473" s="271"/>
      <c r="AI473" s="271"/>
      <c r="AJ473" s="271"/>
      <c r="AK473" s="275"/>
      <c r="AL473" s="276"/>
    </row>
    <row r="474" spans="1:38" s="76" customFormat="1" ht="13.5" customHeight="1" thickBot="1">
      <c r="A474" s="268"/>
      <c r="B474" s="303"/>
      <c r="C474" s="272"/>
      <c r="D474" s="281"/>
      <c r="E474" s="281"/>
      <c r="F474" s="281"/>
      <c r="G474" s="281"/>
      <c r="H474" s="281"/>
      <c r="I474" s="281"/>
      <c r="J474" s="281"/>
      <c r="K474" s="281"/>
      <c r="L474" s="281"/>
      <c r="M474" s="281"/>
      <c r="N474" s="281"/>
      <c r="O474" s="281"/>
      <c r="P474" s="281"/>
      <c r="Q474" s="281"/>
      <c r="R474" s="281"/>
      <c r="S474" s="281"/>
      <c r="T474" s="281"/>
      <c r="U474" s="281"/>
      <c r="V474" s="281"/>
      <c r="W474" s="281"/>
      <c r="X474" s="281"/>
      <c r="Y474" s="281"/>
      <c r="Z474" s="281"/>
      <c r="AA474" s="281"/>
      <c r="AB474" s="281"/>
      <c r="AC474" s="281"/>
      <c r="AD474" s="281"/>
      <c r="AE474" s="281"/>
      <c r="AF474" s="281"/>
      <c r="AG474" s="281"/>
      <c r="AH474" s="281"/>
      <c r="AI474" s="281"/>
      <c r="AJ474" s="281"/>
      <c r="AK474" s="277"/>
      <c r="AL474" s="278"/>
    </row>
    <row r="475" spans="1:38" s="76" customFormat="1" ht="13.5" customHeight="1" thickTop="1">
      <c r="A475" s="125"/>
      <c r="B475" s="125"/>
      <c r="C475" s="273"/>
      <c r="D475" s="274"/>
      <c r="E475" s="274"/>
      <c r="F475" s="274"/>
      <c r="G475" s="274"/>
      <c r="H475" s="274"/>
      <c r="I475" s="274"/>
      <c r="J475" s="274"/>
      <c r="K475" s="274"/>
      <c r="L475" s="274"/>
      <c r="M475" s="274"/>
      <c r="N475" s="274"/>
      <c r="O475" s="274"/>
      <c r="P475" s="274"/>
      <c r="Q475" s="274"/>
      <c r="R475" s="274"/>
      <c r="S475" s="274"/>
      <c r="T475" s="274"/>
      <c r="U475" s="274"/>
      <c r="V475" s="274"/>
      <c r="W475" s="274"/>
      <c r="X475" s="274"/>
      <c r="Y475" s="274"/>
      <c r="Z475" s="274"/>
      <c r="AA475" s="274"/>
      <c r="AB475" s="274"/>
      <c r="AC475" s="274"/>
      <c r="AD475" s="274"/>
      <c r="AE475" s="274"/>
      <c r="AF475" s="274"/>
      <c r="AG475" s="274"/>
      <c r="AH475" s="274"/>
      <c r="AI475" s="274"/>
      <c r="AJ475" s="314"/>
      <c r="AK475" s="126"/>
      <c r="AL475" s="126"/>
    </row>
    <row r="476" spans="1:38" s="76" customFormat="1" ht="13.5" customHeight="1" thickBot="1">
      <c r="A476" s="125"/>
      <c r="B476" s="125"/>
      <c r="C476" s="133"/>
      <c r="D476" s="133"/>
      <c r="E476" s="133"/>
      <c r="F476" s="133"/>
      <c r="G476" s="133"/>
      <c r="H476" s="133"/>
      <c r="I476" s="133"/>
      <c r="J476" s="133"/>
      <c r="K476" s="133"/>
      <c r="L476" s="133"/>
      <c r="M476" s="133"/>
      <c r="N476" s="133"/>
      <c r="O476" s="133"/>
      <c r="P476" s="133"/>
      <c r="Q476" s="133"/>
      <c r="R476" s="133"/>
      <c r="S476" s="133"/>
      <c r="T476" s="133"/>
      <c r="U476" s="133"/>
      <c r="V476" s="133"/>
      <c r="W476" s="133"/>
      <c r="X476" s="133"/>
      <c r="Y476" s="133"/>
      <c r="Z476" s="133"/>
      <c r="AA476" s="133"/>
      <c r="AB476" s="133"/>
      <c r="AC476" s="133"/>
      <c r="AD476" s="133"/>
      <c r="AE476" s="133"/>
      <c r="AF476" s="133"/>
      <c r="AG476" s="133"/>
      <c r="AH476" s="133"/>
      <c r="AI476" s="133"/>
      <c r="AJ476" s="133"/>
      <c r="AK476" s="126"/>
      <c r="AL476" s="126"/>
    </row>
    <row r="477" spans="1:38" s="76" customFormat="1" ht="13.5" customHeight="1" thickTop="1">
      <c r="A477" s="266">
        <v>46</v>
      </c>
      <c r="B477" s="302"/>
      <c r="C477" s="270" t="s">
        <v>523</v>
      </c>
      <c r="D477" s="271"/>
      <c r="E477" s="271"/>
      <c r="F477" s="271"/>
      <c r="G477" s="271"/>
      <c r="H477" s="271"/>
      <c r="I477" s="271"/>
      <c r="J477" s="271"/>
      <c r="K477" s="271"/>
      <c r="L477" s="271"/>
      <c r="M477" s="271"/>
      <c r="N477" s="271"/>
      <c r="O477" s="271"/>
      <c r="P477" s="271"/>
      <c r="Q477" s="271"/>
      <c r="R477" s="271"/>
      <c r="S477" s="271"/>
      <c r="T477" s="271"/>
      <c r="U477" s="271"/>
      <c r="V477" s="271"/>
      <c r="W477" s="271"/>
      <c r="X477" s="271"/>
      <c r="Y477" s="271"/>
      <c r="Z477" s="271"/>
      <c r="AA477" s="271"/>
      <c r="AB477" s="271"/>
      <c r="AC477" s="271"/>
      <c r="AD477" s="271"/>
      <c r="AE477" s="271"/>
      <c r="AF477" s="271"/>
      <c r="AG477" s="271"/>
      <c r="AH477" s="271"/>
      <c r="AI477" s="271"/>
      <c r="AJ477" s="271"/>
      <c r="AK477" s="275"/>
      <c r="AL477" s="276"/>
    </row>
    <row r="478" spans="1:38" s="76" customFormat="1" ht="13.5" customHeight="1" thickBot="1">
      <c r="A478" s="268"/>
      <c r="B478" s="303"/>
      <c r="C478" s="272"/>
      <c r="D478" s="281"/>
      <c r="E478" s="281"/>
      <c r="F478" s="281"/>
      <c r="G478" s="281"/>
      <c r="H478" s="281"/>
      <c r="I478" s="281"/>
      <c r="J478" s="281"/>
      <c r="K478" s="281"/>
      <c r="L478" s="281"/>
      <c r="M478" s="281"/>
      <c r="N478" s="281"/>
      <c r="O478" s="281"/>
      <c r="P478" s="281"/>
      <c r="Q478" s="281"/>
      <c r="R478" s="281"/>
      <c r="S478" s="281"/>
      <c r="T478" s="281"/>
      <c r="U478" s="281"/>
      <c r="V478" s="281"/>
      <c r="W478" s="281"/>
      <c r="X478" s="281"/>
      <c r="Y478" s="281"/>
      <c r="Z478" s="281"/>
      <c r="AA478" s="281"/>
      <c r="AB478" s="281"/>
      <c r="AC478" s="281"/>
      <c r="AD478" s="281"/>
      <c r="AE478" s="281"/>
      <c r="AF478" s="281"/>
      <c r="AG478" s="281"/>
      <c r="AH478" s="281"/>
      <c r="AI478" s="281"/>
      <c r="AJ478" s="281"/>
      <c r="AK478" s="277"/>
      <c r="AL478" s="278"/>
    </row>
    <row r="479" spans="1:38" s="76" customFormat="1" ht="13.5" customHeight="1" thickTop="1">
      <c r="A479" s="125"/>
      <c r="B479" s="125"/>
      <c r="C479" s="273"/>
      <c r="D479" s="274"/>
      <c r="E479" s="274"/>
      <c r="F479" s="274"/>
      <c r="G479" s="274"/>
      <c r="H479" s="274"/>
      <c r="I479" s="274"/>
      <c r="J479" s="274"/>
      <c r="K479" s="274"/>
      <c r="L479" s="274"/>
      <c r="M479" s="274"/>
      <c r="N479" s="274"/>
      <c r="O479" s="274"/>
      <c r="P479" s="274"/>
      <c r="Q479" s="274"/>
      <c r="R479" s="274"/>
      <c r="S479" s="274"/>
      <c r="T479" s="274"/>
      <c r="U479" s="274"/>
      <c r="V479" s="274"/>
      <c r="W479" s="274"/>
      <c r="X479" s="274"/>
      <c r="Y479" s="274"/>
      <c r="Z479" s="274"/>
      <c r="AA479" s="274"/>
      <c r="AB479" s="274"/>
      <c r="AC479" s="274"/>
      <c r="AD479" s="274"/>
      <c r="AE479" s="274"/>
      <c r="AF479" s="274"/>
      <c r="AG479" s="274"/>
      <c r="AH479" s="274"/>
      <c r="AI479" s="274"/>
      <c r="AJ479" s="314"/>
      <c r="AK479" s="126"/>
      <c r="AL479" s="126"/>
    </row>
    <row r="480" spans="1:38" s="76" customFormat="1" ht="12" customHeight="1" thickBot="1">
      <c r="A480" s="125"/>
      <c r="B480" s="125"/>
      <c r="C480" s="133"/>
      <c r="D480" s="133"/>
      <c r="E480" s="133"/>
      <c r="F480" s="133"/>
      <c r="G480" s="133"/>
      <c r="H480" s="133"/>
      <c r="I480" s="133"/>
      <c r="J480" s="133"/>
      <c r="K480" s="133"/>
      <c r="L480" s="133"/>
      <c r="M480" s="133"/>
      <c r="N480" s="133"/>
      <c r="O480" s="133"/>
      <c r="P480" s="133"/>
      <c r="Q480" s="133"/>
      <c r="R480" s="133"/>
      <c r="S480" s="133"/>
      <c r="T480" s="133"/>
      <c r="U480" s="133"/>
      <c r="V480" s="133"/>
      <c r="W480" s="133"/>
      <c r="X480" s="133"/>
      <c r="Y480" s="133"/>
      <c r="Z480" s="133"/>
      <c r="AA480" s="133"/>
      <c r="AB480" s="133"/>
      <c r="AC480" s="133"/>
      <c r="AD480" s="133"/>
      <c r="AE480" s="133"/>
      <c r="AF480" s="133"/>
      <c r="AG480" s="133"/>
      <c r="AH480" s="133"/>
      <c r="AI480" s="133"/>
      <c r="AJ480" s="133"/>
      <c r="AK480" s="126"/>
      <c r="AL480" s="126"/>
    </row>
    <row r="481" spans="1:38" s="76" customFormat="1" ht="13.5" customHeight="1" thickTop="1">
      <c r="A481" s="266">
        <v>47</v>
      </c>
      <c r="B481" s="302"/>
      <c r="C481" s="270" t="s">
        <v>524</v>
      </c>
      <c r="D481" s="271"/>
      <c r="E481" s="271"/>
      <c r="F481" s="271"/>
      <c r="G481" s="271"/>
      <c r="H481" s="271"/>
      <c r="I481" s="271"/>
      <c r="J481" s="271"/>
      <c r="K481" s="271"/>
      <c r="L481" s="271"/>
      <c r="M481" s="271"/>
      <c r="N481" s="271"/>
      <c r="O481" s="271"/>
      <c r="P481" s="271"/>
      <c r="Q481" s="271"/>
      <c r="R481" s="271"/>
      <c r="S481" s="271"/>
      <c r="T481" s="271"/>
      <c r="U481" s="271"/>
      <c r="V481" s="271"/>
      <c r="W481" s="271"/>
      <c r="X481" s="271"/>
      <c r="Y481" s="271"/>
      <c r="Z481" s="271"/>
      <c r="AA481" s="271"/>
      <c r="AB481" s="271"/>
      <c r="AC481" s="271"/>
      <c r="AD481" s="271"/>
      <c r="AE481" s="271"/>
      <c r="AF481" s="271"/>
      <c r="AG481" s="271"/>
      <c r="AH481" s="271"/>
      <c r="AI481" s="271"/>
      <c r="AJ481" s="271"/>
      <c r="AK481" s="275"/>
      <c r="AL481" s="276"/>
    </row>
    <row r="482" spans="1:38" s="76" customFormat="1" ht="13.5" customHeight="1" thickBot="1">
      <c r="A482" s="268"/>
      <c r="B482" s="303"/>
      <c r="C482" s="272"/>
      <c r="D482" s="281"/>
      <c r="E482" s="281"/>
      <c r="F482" s="281"/>
      <c r="G482" s="281"/>
      <c r="H482" s="281"/>
      <c r="I482" s="281"/>
      <c r="J482" s="281"/>
      <c r="K482" s="281"/>
      <c r="L482" s="281"/>
      <c r="M482" s="281"/>
      <c r="N482" s="281"/>
      <c r="O482" s="281"/>
      <c r="P482" s="281"/>
      <c r="Q482" s="281"/>
      <c r="R482" s="281"/>
      <c r="S482" s="281"/>
      <c r="T482" s="281"/>
      <c r="U482" s="281"/>
      <c r="V482" s="281"/>
      <c r="W482" s="281"/>
      <c r="X482" s="281"/>
      <c r="Y482" s="281"/>
      <c r="Z482" s="281"/>
      <c r="AA482" s="281"/>
      <c r="AB482" s="281"/>
      <c r="AC482" s="281"/>
      <c r="AD482" s="281"/>
      <c r="AE482" s="281"/>
      <c r="AF482" s="281"/>
      <c r="AG482" s="281"/>
      <c r="AH482" s="281"/>
      <c r="AI482" s="281"/>
      <c r="AJ482" s="281"/>
      <c r="AK482" s="277"/>
      <c r="AL482" s="278"/>
    </row>
    <row r="483" spans="1:38" s="76" customFormat="1" ht="13.5" customHeight="1" thickTop="1">
      <c r="A483" s="125"/>
      <c r="B483" s="125"/>
      <c r="C483" s="272"/>
      <c r="D483" s="281"/>
      <c r="E483" s="281"/>
      <c r="F483" s="281"/>
      <c r="G483" s="281"/>
      <c r="H483" s="281"/>
      <c r="I483" s="281"/>
      <c r="J483" s="281"/>
      <c r="K483" s="281"/>
      <c r="L483" s="281"/>
      <c r="M483" s="281"/>
      <c r="N483" s="281"/>
      <c r="O483" s="281"/>
      <c r="P483" s="281"/>
      <c r="Q483" s="281"/>
      <c r="R483" s="281"/>
      <c r="S483" s="281"/>
      <c r="T483" s="281"/>
      <c r="U483" s="281"/>
      <c r="V483" s="281"/>
      <c r="W483" s="281"/>
      <c r="X483" s="281"/>
      <c r="Y483" s="281"/>
      <c r="Z483" s="281"/>
      <c r="AA483" s="281"/>
      <c r="AB483" s="281"/>
      <c r="AC483" s="281"/>
      <c r="AD483" s="281"/>
      <c r="AE483" s="281"/>
      <c r="AF483" s="281"/>
      <c r="AG483" s="281"/>
      <c r="AH483" s="281"/>
      <c r="AI483" s="281"/>
      <c r="AJ483" s="281"/>
      <c r="AK483" s="130"/>
      <c r="AL483" s="126"/>
    </row>
    <row r="484" spans="1:38" s="76" customFormat="1" ht="13.5" customHeight="1">
      <c r="A484" s="125"/>
      <c r="B484" s="125"/>
      <c r="C484" s="272"/>
      <c r="D484" s="281"/>
      <c r="E484" s="281"/>
      <c r="F484" s="281"/>
      <c r="G484" s="281"/>
      <c r="H484" s="281"/>
      <c r="I484" s="281"/>
      <c r="J484" s="281"/>
      <c r="K484" s="281"/>
      <c r="L484" s="281"/>
      <c r="M484" s="281"/>
      <c r="N484" s="281"/>
      <c r="O484" s="281"/>
      <c r="P484" s="281"/>
      <c r="Q484" s="281"/>
      <c r="R484" s="281"/>
      <c r="S484" s="281"/>
      <c r="T484" s="281"/>
      <c r="U484" s="281"/>
      <c r="V484" s="281"/>
      <c r="W484" s="281"/>
      <c r="X484" s="281"/>
      <c r="Y484" s="281"/>
      <c r="Z484" s="281"/>
      <c r="AA484" s="281"/>
      <c r="AB484" s="281"/>
      <c r="AC484" s="281"/>
      <c r="AD484" s="281"/>
      <c r="AE484" s="281"/>
      <c r="AF484" s="281"/>
      <c r="AG484" s="281"/>
      <c r="AH484" s="281"/>
      <c r="AI484" s="281"/>
      <c r="AJ484" s="281"/>
      <c r="AK484" s="131"/>
      <c r="AL484" s="126"/>
    </row>
    <row r="485" spans="1:38" s="76" customFormat="1" ht="13.5" customHeight="1">
      <c r="A485" s="125"/>
      <c r="B485" s="125"/>
      <c r="C485" s="273"/>
      <c r="D485" s="274"/>
      <c r="E485" s="274"/>
      <c r="F485" s="274"/>
      <c r="G485" s="274"/>
      <c r="H485" s="274"/>
      <c r="I485" s="274"/>
      <c r="J485" s="274"/>
      <c r="K485" s="274"/>
      <c r="L485" s="274"/>
      <c r="M485" s="274"/>
      <c r="N485" s="274"/>
      <c r="O485" s="274"/>
      <c r="P485" s="274"/>
      <c r="Q485" s="274"/>
      <c r="R485" s="274"/>
      <c r="S485" s="274"/>
      <c r="T485" s="274"/>
      <c r="U485" s="274"/>
      <c r="V485" s="274"/>
      <c r="W485" s="274"/>
      <c r="X485" s="274"/>
      <c r="Y485" s="274"/>
      <c r="Z485" s="274"/>
      <c r="AA485" s="274"/>
      <c r="AB485" s="274"/>
      <c r="AC485" s="274"/>
      <c r="AD485" s="274"/>
      <c r="AE485" s="274"/>
      <c r="AF485" s="274"/>
      <c r="AG485" s="274"/>
      <c r="AH485" s="274"/>
      <c r="AI485" s="274"/>
      <c r="AJ485" s="314"/>
      <c r="AK485" s="126"/>
      <c r="AL485" s="126"/>
    </row>
    <row r="486" spans="1:38" s="76" customFormat="1" ht="13.5" customHeight="1" thickBot="1">
      <c r="A486" s="125"/>
      <c r="B486" s="125"/>
      <c r="C486" s="133"/>
      <c r="D486" s="133"/>
      <c r="E486" s="133"/>
      <c r="F486" s="133"/>
      <c r="G486" s="133"/>
      <c r="H486" s="133"/>
      <c r="I486" s="133"/>
      <c r="J486" s="133"/>
      <c r="K486" s="133"/>
      <c r="L486" s="133"/>
      <c r="M486" s="133"/>
      <c r="N486" s="133"/>
      <c r="O486" s="133"/>
      <c r="P486" s="133"/>
      <c r="Q486" s="133"/>
      <c r="R486" s="133"/>
      <c r="S486" s="133"/>
      <c r="T486" s="133"/>
      <c r="U486" s="133"/>
      <c r="V486" s="133"/>
      <c r="W486" s="133"/>
      <c r="X486" s="133"/>
      <c r="Y486" s="133"/>
      <c r="Z486" s="133"/>
      <c r="AA486" s="133"/>
      <c r="AB486" s="133"/>
      <c r="AC486" s="133"/>
      <c r="AD486" s="133"/>
      <c r="AE486" s="133"/>
      <c r="AF486" s="133"/>
      <c r="AG486" s="133"/>
      <c r="AH486" s="133"/>
      <c r="AI486" s="133"/>
      <c r="AJ486" s="133"/>
      <c r="AK486" s="126"/>
      <c r="AL486" s="126"/>
    </row>
    <row r="487" spans="1:38" s="76" customFormat="1" ht="13.5" customHeight="1" thickTop="1">
      <c r="A487" s="266">
        <v>48</v>
      </c>
      <c r="B487" s="302"/>
      <c r="C487" s="270" t="s">
        <v>525</v>
      </c>
      <c r="D487" s="271"/>
      <c r="E487" s="271"/>
      <c r="F487" s="271"/>
      <c r="G487" s="271"/>
      <c r="H487" s="271"/>
      <c r="I487" s="271"/>
      <c r="J487" s="271"/>
      <c r="K487" s="271"/>
      <c r="L487" s="271"/>
      <c r="M487" s="271"/>
      <c r="N487" s="271"/>
      <c r="O487" s="271"/>
      <c r="P487" s="271"/>
      <c r="Q487" s="271"/>
      <c r="R487" s="271"/>
      <c r="S487" s="271"/>
      <c r="T487" s="271"/>
      <c r="U487" s="271"/>
      <c r="V487" s="271"/>
      <c r="W487" s="271"/>
      <c r="X487" s="271"/>
      <c r="Y487" s="271"/>
      <c r="Z487" s="271"/>
      <c r="AA487" s="271"/>
      <c r="AB487" s="271"/>
      <c r="AC487" s="271"/>
      <c r="AD487" s="271"/>
      <c r="AE487" s="271"/>
      <c r="AF487" s="271"/>
      <c r="AG487" s="271"/>
      <c r="AH487" s="271"/>
      <c r="AI487" s="271"/>
      <c r="AJ487" s="271"/>
      <c r="AK487" s="275"/>
      <c r="AL487" s="276"/>
    </row>
    <row r="488" spans="1:38" s="76" customFormat="1" ht="13.5" customHeight="1" thickBot="1">
      <c r="A488" s="268"/>
      <c r="B488" s="303"/>
      <c r="C488" s="273"/>
      <c r="D488" s="274"/>
      <c r="E488" s="274"/>
      <c r="F488" s="274"/>
      <c r="G488" s="274"/>
      <c r="H488" s="274"/>
      <c r="I488" s="274"/>
      <c r="J488" s="274"/>
      <c r="K488" s="274"/>
      <c r="L488" s="274"/>
      <c r="M488" s="274"/>
      <c r="N488" s="274"/>
      <c r="O488" s="274"/>
      <c r="P488" s="274"/>
      <c r="Q488" s="274"/>
      <c r="R488" s="274"/>
      <c r="S488" s="274"/>
      <c r="T488" s="274"/>
      <c r="U488" s="274"/>
      <c r="V488" s="274"/>
      <c r="W488" s="274"/>
      <c r="X488" s="274"/>
      <c r="Y488" s="274"/>
      <c r="Z488" s="274"/>
      <c r="AA488" s="274"/>
      <c r="AB488" s="274"/>
      <c r="AC488" s="274"/>
      <c r="AD488" s="274"/>
      <c r="AE488" s="274"/>
      <c r="AF488" s="274"/>
      <c r="AG488" s="274"/>
      <c r="AH488" s="274"/>
      <c r="AI488" s="274"/>
      <c r="AJ488" s="274"/>
      <c r="AK488" s="277"/>
      <c r="AL488" s="278"/>
    </row>
    <row r="489" spans="1:38" s="76" customFormat="1" ht="13.5" customHeight="1" thickTop="1">
      <c r="A489" s="125"/>
      <c r="B489" s="125"/>
      <c r="C489" s="472" t="s">
        <v>188</v>
      </c>
      <c r="D489" s="472"/>
      <c r="E489" s="472"/>
      <c r="F489" s="472"/>
      <c r="G489" s="472"/>
      <c r="H489" s="472"/>
      <c r="I489" s="472"/>
      <c r="J489" s="472"/>
      <c r="K489" s="472"/>
      <c r="L489" s="472"/>
      <c r="M489" s="472"/>
      <c r="N489" s="472"/>
      <c r="O489" s="472"/>
      <c r="P489" s="472"/>
      <c r="Q489" s="472"/>
      <c r="R489" s="472"/>
      <c r="S489" s="472"/>
      <c r="T489" s="472"/>
      <c r="U489" s="472"/>
      <c r="V489" s="472"/>
      <c r="W489" s="472"/>
      <c r="X489" s="472"/>
      <c r="Y489" s="472"/>
      <c r="Z489" s="472"/>
      <c r="AA489" s="472"/>
      <c r="AB489" s="472"/>
      <c r="AC489" s="472"/>
      <c r="AD489" s="472"/>
      <c r="AE489" s="472"/>
      <c r="AF489" s="472"/>
      <c r="AG489" s="472"/>
      <c r="AH489" s="472"/>
      <c r="AI489" s="472"/>
      <c r="AJ489" s="472"/>
      <c r="AK489" s="126"/>
      <c r="AL489" s="126"/>
    </row>
    <row r="490" spans="1:38" s="76" customFormat="1" ht="13.5" customHeight="1">
      <c r="A490" s="125"/>
      <c r="B490" s="125"/>
      <c r="C490" s="473"/>
      <c r="D490" s="473"/>
      <c r="E490" s="473"/>
      <c r="F490" s="473"/>
      <c r="G490" s="473"/>
      <c r="H490" s="473"/>
      <c r="I490" s="473"/>
      <c r="J490" s="473"/>
      <c r="K490" s="473"/>
      <c r="L490" s="473"/>
      <c r="M490" s="473"/>
      <c r="N490" s="473"/>
      <c r="O490" s="473"/>
      <c r="P490" s="473"/>
      <c r="Q490" s="473"/>
      <c r="R490" s="473"/>
      <c r="S490" s="473"/>
      <c r="T490" s="473"/>
      <c r="U490" s="473"/>
      <c r="V490" s="473"/>
      <c r="W490" s="473"/>
      <c r="X490" s="473"/>
      <c r="Y490" s="473"/>
      <c r="Z490" s="473"/>
      <c r="AA490" s="473"/>
      <c r="AB490" s="473"/>
      <c r="AC490" s="473"/>
      <c r="AD490" s="473"/>
      <c r="AE490" s="473"/>
      <c r="AF490" s="473"/>
      <c r="AG490" s="473"/>
      <c r="AH490" s="473"/>
      <c r="AI490" s="473"/>
      <c r="AJ490" s="473"/>
      <c r="AK490" s="126"/>
      <c r="AL490" s="126"/>
    </row>
    <row r="491" spans="1:38" s="76" customFormat="1" ht="13.5" customHeight="1">
      <c r="A491" s="125"/>
      <c r="B491" s="125"/>
      <c r="C491" s="133"/>
      <c r="D491" s="133"/>
      <c r="E491" s="133"/>
      <c r="F491" s="133"/>
      <c r="G491" s="133"/>
      <c r="H491" s="133"/>
      <c r="I491" s="133"/>
      <c r="J491" s="133"/>
      <c r="K491" s="133"/>
      <c r="L491" s="133"/>
      <c r="M491" s="133"/>
      <c r="N491" s="133"/>
      <c r="O491" s="133"/>
      <c r="P491" s="133"/>
      <c r="Q491" s="133"/>
      <c r="R491" s="133"/>
      <c r="S491" s="133"/>
      <c r="T491" s="133"/>
      <c r="U491" s="133"/>
      <c r="V491" s="133"/>
      <c r="W491" s="133"/>
      <c r="X491" s="133"/>
      <c r="Y491" s="133"/>
      <c r="Z491" s="133"/>
      <c r="AA491" s="133"/>
      <c r="AB491" s="133"/>
      <c r="AC491" s="133"/>
      <c r="AD491" s="133"/>
      <c r="AE491" s="133"/>
      <c r="AF491" s="133"/>
      <c r="AG491" s="133"/>
      <c r="AH491" s="133"/>
      <c r="AI491" s="133"/>
      <c r="AJ491" s="133"/>
      <c r="AK491" s="126"/>
      <c r="AL491" s="126"/>
    </row>
    <row r="492" spans="1:38" s="76" customFormat="1" ht="13.5" customHeight="1">
      <c r="A492" s="127" t="s">
        <v>103</v>
      </c>
    </row>
    <row r="493" spans="1:38" s="76" customFormat="1" ht="13.5" customHeight="1" thickBot="1">
      <c r="A493" s="129" t="s">
        <v>223</v>
      </c>
    </row>
    <row r="494" spans="1:38" s="76" customFormat="1" ht="13.5" customHeight="1" thickTop="1">
      <c r="A494" s="266">
        <v>49</v>
      </c>
      <c r="B494" s="302"/>
      <c r="C494" s="270" t="s">
        <v>526</v>
      </c>
      <c r="D494" s="271"/>
      <c r="E494" s="271"/>
      <c r="F494" s="271"/>
      <c r="G494" s="271"/>
      <c r="H494" s="271"/>
      <c r="I494" s="271"/>
      <c r="J494" s="271"/>
      <c r="K494" s="271"/>
      <c r="L494" s="271"/>
      <c r="M494" s="271"/>
      <c r="N494" s="271"/>
      <c r="O494" s="271"/>
      <c r="P494" s="271"/>
      <c r="Q494" s="271"/>
      <c r="R494" s="271"/>
      <c r="S494" s="271"/>
      <c r="T494" s="271"/>
      <c r="U494" s="271"/>
      <c r="V494" s="271"/>
      <c r="W494" s="271"/>
      <c r="X494" s="271"/>
      <c r="Y494" s="271"/>
      <c r="Z494" s="271"/>
      <c r="AA494" s="271"/>
      <c r="AB494" s="271"/>
      <c r="AC494" s="271"/>
      <c r="AD494" s="271"/>
      <c r="AE494" s="271"/>
      <c r="AF494" s="271"/>
      <c r="AG494" s="271"/>
      <c r="AH494" s="271"/>
      <c r="AI494" s="271"/>
      <c r="AJ494" s="271"/>
      <c r="AK494" s="275"/>
      <c r="AL494" s="276"/>
    </row>
    <row r="495" spans="1:38" s="76" customFormat="1" ht="13.5" customHeight="1" thickBot="1">
      <c r="A495" s="268"/>
      <c r="B495" s="303"/>
      <c r="C495" s="272"/>
      <c r="D495" s="281"/>
      <c r="E495" s="281"/>
      <c r="F495" s="281"/>
      <c r="G495" s="281"/>
      <c r="H495" s="281"/>
      <c r="I495" s="281"/>
      <c r="J495" s="281"/>
      <c r="K495" s="281"/>
      <c r="L495" s="281"/>
      <c r="M495" s="281"/>
      <c r="N495" s="281"/>
      <c r="O495" s="281"/>
      <c r="P495" s="281"/>
      <c r="Q495" s="281"/>
      <c r="R495" s="281"/>
      <c r="S495" s="281"/>
      <c r="T495" s="281"/>
      <c r="U495" s="281"/>
      <c r="V495" s="281"/>
      <c r="W495" s="281"/>
      <c r="X495" s="281"/>
      <c r="Y495" s="281"/>
      <c r="Z495" s="281"/>
      <c r="AA495" s="281"/>
      <c r="AB495" s="281"/>
      <c r="AC495" s="281"/>
      <c r="AD495" s="281"/>
      <c r="AE495" s="281"/>
      <c r="AF495" s="281"/>
      <c r="AG495" s="281"/>
      <c r="AH495" s="281"/>
      <c r="AI495" s="281"/>
      <c r="AJ495" s="281"/>
      <c r="AK495" s="277"/>
      <c r="AL495" s="278"/>
    </row>
    <row r="496" spans="1:38" s="76" customFormat="1" ht="13.5" customHeight="1" thickTop="1">
      <c r="A496" s="125"/>
      <c r="B496" s="125"/>
      <c r="C496" s="272"/>
      <c r="D496" s="281"/>
      <c r="E496" s="281"/>
      <c r="F496" s="281"/>
      <c r="G496" s="281"/>
      <c r="H496" s="281"/>
      <c r="I496" s="281"/>
      <c r="J496" s="281"/>
      <c r="K496" s="281"/>
      <c r="L496" s="281"/>
      <c r="M496" s="281"/>
      <c r="N496" s="281"/>
      <c r="O496" s="281"/>
      <c r="P496" s="281"/>
      <c r="Q496" s="281"/>
      <c r="R496" s="281"/>
      <c r="S496" s="281"/>
      <c r="T496" s="281"/>
      <c r="U496" s="281"/>
      <c r="V496" s="281"/>
      <c r="W496" s="281"/>
      <c r="X496" s="281"/>
      <c r="Y496" s="281"/>
      <c r="Z496" s="281"/>
      <c r="AA496" s="281"/>
      <c r="AB496" s="281"/>
      <c r="AC496" s="281"/>
      <c r="AD496" s="281"/>
      <c r="AE496" s="281"/>
      <c r="AF496" s="281"/>
      <c r="AG496" s="281"/>
      <c r="AH496" s="281"/>
      <c r="AI496" s="281"/>
      <c r="AJ496" s="281"/>
      <c r="AK496" s="130"/>
      <c r="AL496" s="126"/>
    </row>
    <row r="497" spans="1:38" s="76" customFormat="1" ht="13.5" customHeight="1">
      <c r="A497" s="125"/>
      <c r="B497" s="125"/>
      <c r="C497" s="272"/>
      <c r="D497" s="281"/>
      <c r="E497" s="281"/>
      <c r="F497" s="281"/>
      <c r="G497" s="281"/>
      <c r="H497" s="281"/>
      <c r="I497" s="281"/>
      <c r="J497" s="281"/>
      <c r="K497" s="281"/>
      <c r="L497" s="281"/>
      <c r="M497" s="281"/>
      <c r="N497" s="281"/>
      <c r="O497" s="281"/>
      <c r="P497" s="281"/>
      <c r="Q497" s="281"/>
      <c r="R497" s="281"/>
      <c r="S497" s="281"/>
      <c r="T497" s="281"/>
      <c r="U497" s="281"/>
      <c r="V497" s="281"/>
      <c r="W497" s="281"/>
      <c r="X497" s="281"/>
      <c r="Y497" s="281"/>
      <c r="Z497" s="281"/>
      <c r="AA497" s="281"/>
      <c r="AB497" s="281"/>
      <c r="AC497" s="281"/>
      <c r="AD497" s="281"/>
      <c r="AE497" s="281"/>
      <c r="AF497" s="281"/>
      <c r="AG497" s="281"/>
      <c r="AH497" s="281"/>
      <c r="AI497" s="281"/>
      <c r="AJ497" s="281"/>
      <c r="AK497" s="131"/>
      <c r="AL497" s="126"/>
    </row>
    <row r="498" spans="1:38" s="76" customFormat="1" ht="13.5" customHeight="1">
      <c r="A498" s="125"/>
      <c r="B498" s="125"/>
      <c r="C498" s="273"/>
      <c r="D498" s="274"/>
      <c r="E498" s="274"/>
      <c r="F498" s="274"/>
      <c r="G498" s="274"/>
      <c r="H498" s="274"/>
      <c r="I498" s="274"/>
      <c r="J498" s="274"/>
      <c r="K498" s="274"/>
      <c r="L498" s="274"/>
      <c r="M498" s="274"/>
      <c r="N498" s="274"/>
      <c r="O498" s="274"/>
      <c r="P498" s="274"/>
      <c r="Q498" s="274"/>
      <c r="R498" s="274"/>
      <c r="S498" s="274"/>
      <c r="T498" s="274"/>
      <c r="U498" s="274"/>
      <c r="V498" s="274"/>
      <c r="W498" s="274"/>
      <c r="X498" s="274"/>
      <c r="Y498" s="274"/>
      <c r="Z498" s="274"/>
      <c r="AA498" s="274"/>
      <c r="AB498" s="274"/>
      <c r="AC498" s="274"/>
      <c r="AD498" s="274"/>
      <c r="AE498" s="274"/>
      <c r="AF498" s="274"/>
      <c r="AG498" s="274"/>
      <c r="AH498" s="274"/>
      <c r="AI498" s="274"/>
      <c r="AJ498" s="314"/>
      <c r="AK498" s="126"/>
      <c r="AL498" s="126"/>
    </row>
    <row r="499" spans="1:38" s="76" customFormat="1" ht="13.5" customHeight="1">
      <c r="A499" s="125"/>
      <c r="B499" s="125"/>
      <c r="C499" s="133"/>
      <c r="D499" s="133"/>
      <c r="E499" s="133"/>
      <c r="F499" s="133"/>
      <c r="G499" s="133"/>
      <c r="H499" s="133"/>
      <c r="I499" s="133"/>
      <c r="J499" s="133"/>
      <c r="K499" s="133"/>
      <c r="L499" s="133"/>
      <c r="M499" s="133"/>
      <c r="N499" s="133"/>
      <c r="O499" s="133"/>
      <c r="P499" s="133"/>
      <c r="Q499" s="133"/>
      <c r="R499" s="133"/>
      <c r="S499" s="133"/>
      <c r="T499" s="133"/>
      <c r="U499" s="133"/>
      <c r="V499" s="133"/>
      <c r="W499" s="133"/>
      <c r="X499" s="133"/>
      <c r="Y499" s="133"/>
      <c r="Z499" s="133"/>
      <c r="AA499" s="133"/>
      <c r="AB499" s="133"/>
      <c r="AC499" s="133"/>
      <c r="AD499" s="133"/>
      <c r="AE499" s="133"/>
      <c r="AF499" s="133"/>
      <c r="AG499" s="133"/>
      <c r="AH499" s="133"/>
      <c r="AI499" s="133"/>
      <c r="AJ499" s="133"/>
      <c r="AK499" s="126"/>
      <c r="AL499" s="126"/>
    </row>
    <row r="500" spans="1:38" s="76" customFormat="1" ht="13.5" customHeight="1">
      <c r="A500" s="127" t="s">
        <v>104</v>
      </c>
    </row>
    <row r="501" spans="1:38" s="76" customFormat="1" ht="13.5" customHeight="1" thickBot="1">
      <c r="A501" s="129" t="s">
        <v>224</v>
      </c>
    </row>
    <row r="502" spans="1:38" s="76" customFormat="1" ht="13.5" customHeight="1" thickTop="1">
      <c r="A502" s="266">
        <v>50</v>
      </c>
      <c r="B502" s="302"/>
      <c r="C502" s="270" t="s">
        <v>527</v>
      </c>
      <c r="D502" s="271"/>
      <c r="E502" s="271"/>
      <c r="F502" s="271"/>
      <c r="G502" s="271"/>
      <c r="H502" s="271"/>
      <c r="I502" s="271"/>
      <c r="J502" s="271"/>
      <c r="K502" s="271"/>
      <c r="L502" s="271"/>
      <c r="M502" s="271"/>
      <c r="N502" s="271"/>
      <c r="O502" s="271"/>
      <c r="P502" s="271"/>
      <c r="Q502" s="271"/>
      <c r="R502" s="271"/>
      <c r="S502" s="271"/>
      <c r="T502" s="271"/>
      <c r="U502" s="271"/>
      <c r="V502" s="271"/>
      <c r="W502" s="271"/>
      <c r="X502" s="271"/>
      <c r="Y502" s="271"/>
      <c r="Z502" s="271"/>
      <c r="AA502" s="271"/>
      <c r="AB502" s="271"/>
      <c r="AC502" s="271"/>
      <c r="AD502" s="271"/>
      <c r="AE502" s="271"/>
      <c r="AF502" s="271"/>
      <c r="AG502" s="271"/>
      <c r="AH502" s="271"/>
      <c r="AI502" s="271"/>
      <c r="AJ502" s="271"/>
      <c r="AK502" s="275"/>
      <c r="AL502" s="276"/>
    </row>
    <row r="503" spans="1:38" s="76" customFormat="1" ht="13.5" customHeight="1" thickBot="1">
      <c r="A503" s="268"/>
      <c r="B503" s="303"/>
      <c r="C503" s="272"/>
      <c r="D503" s="281"/>
      <c r="E503" s="281"/>
      <c r="F503" s="281"/>
      <c r="G503" s="281"/>
      <c r="H503" s="281"/>
      <c r="I503" s="281"/>
      <c r="J503" s="281"/>
      <c r="K503" s="281"/>
      <c r="L503" s="281"/>
      <c r="M503" s="281"/>
      <c r="N503" s="281"/>
      <c r="O503" s="281"/>
      <c r="P503" s="281"/>
      <c r="Q503" s="281"/>
      <c r="R503" s="281"/>
      <c r="S503" s="281"/>
      <c r="T503" s="281"/>
      <c r="U503" s="281"/>
      <c r="V503" s="281"/>
      <c r="W503" s="281"/>
      <c r="X503" s="281"/>
      <c r="Y503" s="281"/>
      <c r="Z503" s="281"/>
      <c r="AA503" s="281"/>
      <c r="AB503" s="281"/>
      <c r="AC503" s="281"/>
      <c r="AD503" s="281"/>
      <c r="AE503" s="281"/>
      <c r="AF503" s="281"/>
      <c r="AG503" s="281"/>
      <c r="AH503" s="281"/>
      <c r="AI503" s="281"/>
      <c r="AJ503" s="281"/>
      <c r="AK503" s="277"/>
      <c r="AL503" s="278"/>
    </row>
    <row r="504" spans="1:38" s="76" customFormat="1" ht="13.5" customHeight="1" thickTop="1">
      <c r="A504" s="125"/>
      <c r="B504" s="125"/>
      <c r="C504" s="273"/>
      <c r="D504" s="274"/>
      <c r="E504" s="274"/>
      <c r="F504" s="274"/>
      <c r="G504" s="274"/>
      <c r="H504" s="274"/>
      <c r="I504" s="274"/>
      <c r="J504" s="274"/>
      <c r="K504" s="274"/>
      <c r="L504" s="274"/>
      <c r="M504" s="274"/>
      <c r="N504" s="274"/>
      <c r="O504" s="274"/>
      <c r="P504" s="274"/>
      <c r="Q504" s="274"/>
      <c r="R504" s="274"/>
      <c r="S504" s="274"/>
      <c r="T504" s="274"/>
      <c r="U504" s="274"/>
      <c r="V504" s="274"/>
      <c r="W504" s="274"/>
      <c r="X504" s="274"/>
      <c r="Y504" s="274"/>
      <c r="Z504" s="274"/>
      <c r="AA504" s="274"/>
      <c r="AB504" s="274"/>
      <c r="AC504" s="274"/>
      <c r="AD504" s="274"/>
      <c r="AE504" s="274"/>
      <c r="AF504" s="274"/>
      <c r="AG504" s="274"/>
      <c r="AH504" s="274"/>
      <c r="AI504" s="274"/>
      <c r="AJ504" s="314"/>
      <c r="AK504" s="126"/>
      <c r="AL504" s="126"/>
    </row>
    <row r="505" spans="1:38" s="76" customFormat="1" ht="13.5" customHeight="1" thickBot="1">
      <c r="A505" s="125"/>
      <c r="B505" s="125"/>
      <c r="C505" s="133"/>
      <c r="D505" s="133"/>
      <c r="E505" s="133"/>
      <c r="F505" s="133"/>
      <c r="G505" s="133"/>
      <c r="H505" s="133"/>
      <c r="I505" s="133"/>
      <c r="J505" s="133"/>
      <c r="K505" s="133"/>
      <c r="L505" s="133"/>
      <c r="M505" s="133"/>
      <c r="N505" s="133"/>
      <c r="O505" s="133"/>
      <c r="P505" s="133"/>
      <c r="Q505" s="133"/>
      <c r="R505" s="133"/>
      <c r="S505" s="133"/>
      <c r="T505" s="133"/>
      <c r="U505" s="133"/>
      <c r="V505" s="133"/>
      <c r="W505" s="133"/>
      <c r="X505" s="133"/>
      <c r="Y505" s="133"/>
      <c r="Z505" s="133"/>
      <c r="AA505" s="133"/>
      <c r="AB505" s="133"/>
      <c r="AC505" s="133"/>
      <c r="AD505" s="133"/>
      <c r="AE505" s="133"/>
      <c r="AF505" s="133"/>
      <c r="AG505" s="133"/>
      <c r="AH505" s="133"/>
      <c r="AI505" s="133"/>
      <c r="AJ505" s="133"/>
      <c r="AK505" s="126"/>
      <c r="AL505" s="126"/>
    </row>
    <row r="506" spans="1:38" s="76" customFormat="1" ht="13.5" customHeight="1" thickTop="1">
      <c r="A506" s="266">
        <v>51</v>
      </c>
      <c r="B506" s="302"/>
      <c r="C506" s="270" t="s">
        <v>528</v>
      </c>
      <c r="D506" s="271"/>
      <c r="E506" s="271"/>
      <c r="F506" s="271"/>
      <c r="G506" s="271"/>
      <c r="H506" s="271"/>
      <c r="I506" s="271"/>
      <c r="J506" s="271"/>
      <c r="K506" s="271"/>
      <c r="L506" s="271"/>
      <c r="M506" s="271"/>
      <c r="N506" s="271"/>
      <c r="O506" s="271"/>
      <c r="P506" s="271"/>
      <c r="Q506" s="271"/>
      <c r="R506" s="271"/>
      <c r="S506" s="271"/>
      <c r="T506" s="271"/>
      <c r="U506" s="271"/>
      <c r="V506" s="271"/>
      <c r="W506" s="271"/>
      <c r="X506" s="271"/>
      <c r="Y506" s="271"/>
      <c r="Z506" s="271"/>
      <c r="AA506" s="271"/>
      <c r="AB506" s="271"/>
      <c r="AC506" s="271"/>
      <c r="AD506" s="271"/>
      <c r="AE506" s="271"/>
      <c r="AF506" s="271"/>
      <c r="AG506" s="271"/>
      <c r="AH506" s="271"/>
      <c r="AI506" s="271"/>
      <c r="AJ506" s="271"/>
      <c r="AK506" s="275"/>
      <c r="AL506" s="276"/>
    </row>
    <row r="507" spans="1:38" s="76" customFormat="1" ht="13.5" customHeight="1" thickBot="1">
      <c r="A507" s="268"/>
      <c r="B507" s="303"/>
      <c r="C507" s="272"/>
      <c r="D507" s="281"/>
      <c r="E507" s="281"/>
      <c r="F507" s="281"/>
      <c r="G507" s="281"/>
      <c r="H507" s="281"/>
      <c r="I507" s="281"/>
      <c r="J507" s="281"/>
      <c r="K507" s="281"/>
      <c r="L507" s="281"/>
      <c r="M507" s="281"/>
      <c r="N507" s="281"/>
      <c r="O507" s="281"/>
      <c r="P507" s="281"/>
      <c r="Q507" s="281"/>
      <c r="R507" s="281"/>
      <c r="S507" s="281"/>
      <c r="T507" s="281"/>
      <c r="U507" s="281"/>
      <c r="V507" s="281"/>
      <c r="W507" s="281"/>
      <c r="X507" s="281"/>
      <c r="Y507" s="281"/>
      <c r="Z507" s="281"/>
      <c r="AA507" s="281"/>
      <c r="AB507" s="281"/>
      <c r="AC507" s="281"/>
      <c r="AD507" s="281"/>
      <c r="AE507" s="281"/>
      <c r="AF507" s="281"/>
      <c r="AG507" s="281"/>
      <c r="AH507" s="281"/>
      <c r="AI507" s="281"/>
      <c r="AJ507" s="281"/>
      <c r="AK507" s="277"/>
      <c r="AL507" s="278"/>
    </row>
    <row r="508" spans="1:38" s="76" customFormat="1" ht="13.5" customHeight="1" thickTop="1">
      <c r="A508" s="125"/>
      <c r="B508" s="125"/>
      <c r="C508" s="272"/>
      <c r="D508" s="281"/>
      <c r="E508" s="281"/>
      <c r="F508" s="281"/>
      <c r="G508" s="281"/>
      <c r="H508" s="281"/>
      <c r="I508" s="281"/>
      <c r="J508" s="281"/>
      <c r="K508" s="281"/>
      <c r="L508" s="281"/>
      <c r="M508" s="281"/>
      <c r="N508" s="281"/>
      <c r="O508" s="281"/>
      <c r="P508" s="281"/>
      <c r="Q508" s="281"/>
      <c r="R508" s="281"/>
      <c r="S508" s="281"/>
      <c r="T508" s="281"/>
      <c r="U508" s="281"/>
      <c r="V508" s="281"/>
      <c r="W508" s="281"/>
      <c r="X508" s="281"/>
      <c r="Y508" s="281"/>
      <c r="Z508" s="281"/>
      <c r="AA508" s="281"/>
      <c r="AB508" s="281"/>
      <c r="AC508" s="281"/>
      <c r="AD508" s="281"/>
      <c r="AE508" s="281"/>
      <c r="AF508" s="281"/>
      <c r="AG508" s="281"/>
      <c r="AH508" s="281"/>
      <c r="AI508" s="281"/>
      <c r="AJ508" s="281"/>
      <c r="AK508" s="130"/>
      <c r="AL508" s="126"/>
    </row>
    <row r="509" spans="1:38" s="76" customFormat="1" ht="13.5" customHeight="1">
      <c r="A509" s="125"/>
      <c r="B509" s="125"/>
      <c r="C509" s="273"/>
      <c r="D509" s="274"/>
      <c r="E509" s="274"/>
      <c r="F509" s="274"/>
      <c r="G509" s="274"/>
      <c r="H509" s="274"/>
      <c r="I509" s="274"/>
      <c r="J509" s="274"/>
      <c r="K509" s="274"/>
      <c r="L509" s="274"/>
      <c r="M509" s="274"/>
      <c r="N509" s="274"/>
      <c r="O509" s="274"/>
      <c r="P509" s="274"/>
      <c r="Q509" s="274"/>
      <c r="R509" s="274"/>
      <c r="S509" s="274"/>
      <c r="T509" s="274"/>
      <c r="U509" s="274"/>
      <c r="V509" s="274"/>
      <c r="W509" s="274"/>
      <c r="X509" s="274"/>
      <c r="Y509" s="274"/>
      <c r="Z509" s="274"/>
      <c r="AA509" s="274"/>
      <c r="AB509" s="274"/>
      <c r="AC509" s="274"/>
      <c r="AD509" s="274"/>
      <c r="AE509" s="274"/>
      <c r="AF509" s="274"/>
      <c r="AG509" s="274"/>
      <c r="AH509" s="274"/>
      <c r="AI509" s="274"/>
      <c r="AJ509" s="314"/>
      <c r="AK509" s="126"/>
      <c r="AL509" s="126"/>
    </row>
    <row r="510" spans="1:38" s="76" customFormat="1" ht="13.5" customHeight="1">
      <c r="A510" s="125"/>
      <c r="B510" s="125"/>
      <c r="C510" s="133"/>
      <c r="D510" s="133"/>
      <c r="E510" s="133"/>
      <c r="F510" s="133"/>
      <c r="G510" s="133"/>
      <c r="H510" s="133"/>
      <c r="I510" s="133"/>
      <c r="J510" s="133"/>
      <c r="K510" s="133"/>
      <c r="L510" s="133"/>
      <c r="M510" s="133"/>
      <c r="N510" s="133"/>
      <c r="O510" s="133"/>
      <c r="P510" s="133"/>
      <c r="Q510" s="133"/>
      <c r="R510" s="133"/>
      <c r="S510" s="133"/>
      <c r="T510" s="133"/>
      <c r="U510" s="133"/>
      <c r="V510" s="133"/>
      <c r="W510" s="133"/>
      <c r="X510" s="133"/>
      <c r="Y510" s="133"/>
      <c r="Z510" s="133"/>
      <c r="AA510" s="133"/>
      <c r="AB510" s="133"/>
      <c r="AC510" s="133"/>
      <c r="AD510" s="133"/>
      <c r="AE510" s="133"/>
      <c r="AF510" s="133"/>
      <c r="AG510" s="133"/>
      <c r="AH510" s="133"/>
      <c r="AI510" s="133"/>
      <c r="AJ510" s="133"/>
      <c r="AK510" s="126"/>
      <c r="AL510" s="126"/>
    </row>
    <row r="511" spans="1:38" s="76" customFormat="1" ht="13.5" customHeight="1">
      <c r="A511" s="127" t="s">
        <v>105</v>
      </c>
    </row>
    <row r="512" spans="1:38" s="76" customFormat="1" ht="13.5" customHeight="1" thickBot="1">
      <c r="A512" s="129" t="s">
        <v>225</v>
      </c>
    </row>
    <row r="513" spans="1:38" s="76" customFormat="1" ht="13.5" customHeight="1" thickTop="1">
      <c r="A513" s="266">
        <v>52</v>
      </c>
      <c r="B513" s="302"/>
      <c r="C513" s="270" t="s">
        <v>529</v>
      </c>
      <c r="D513" s="271"/>
      <c r="E513" s="271"/>
      <c r="F513" s="271"/>
      <c r="G513" s="271"/>
      <c r="H513" s="271"/>
      <c r="I513" s="271"/>
      <c r="J513" s="271"/>
      <c r="K513" s="271"/>
      <c r="L513" s="271"/>
      <c r="M513" s="271"/>
      <c r="N513" s="271"/>
      <c r="O513" s="271"/>
      <c r="P513" s="271"/>
      <c r="Q513" s="271"/>
      <c r="R513" s="271"/>
      <c r="S513" s="271"/>
      <c r="T513" s="271"/>
      <c r="U513" s="271"/>
      <c r="V513" s="271"/>
      <c r="W513" s="271"/>
      <c r="X513" s="271"/>
      <c r="Y513" s="271"/>
      <c r="Z513" s="271"/>
      <c r="AA513" s="271"/>
      <c r="AB513" s="271"/>
      <c r="AC513" s="271"/>
      <c r="AD513" s="271"/>
      <c r="AE513" s="271"/>
      <c r="AF513" s="271"/>
      <c r="AG513" s="271"/>
      <c r="AH513" s="271"/>
      <c r="AI513" s="271"/>
      <c r="AJ513" s="279"/>
      <c r="AK513" s="275"/>
      <c r="AL513" s="276"/>
    </row>
    <row r="514" spans="1:38" s="76" customFormat="1" ht="13.5" customHeight="1" thickBot="1">
      <c r="A514" s="268"/>
      <c r="B514" s="303"/>
      <c r="C514" s="272"/>
      <c r="D514" s="281"/>
      <c r="E514" s="281"/>
      <c r="F514" s="281"/>
      <c r="G514" s="281"/>
      <c r="H514" s="281"/>
      <c r="I514" s="281"/>
      <c r="J514" s="281"/>
      <c r="K514" s="281"/>
      <c r="L514" s="281"/>
      <c r="M514" s="281"/>
      <c r="N514" s="281"/>
      <c r="O514" s="281"/>
      <c r="P514" s="281"/>
      <c r="Q514" s="281"/>
      <c r="R514" s="281"/>
      <c r="S514" s="281"/>
      <c r="T514" s="281"/>
      <c r="U514" s="281"/>
      <c r="V514" s="281"/>
      <c r="W514" s="281"/>
      <c r="X514" s="281"/>
      <c r="Y514" s="281"/>
      <c r="Z514" s="281"/>
      <c r="AA514" s="281"/>
      <c r="AB514" s="281"/>
      <c r="AC514" s="281"/>
      <c r="AD514" s="281"/>
      <c r="AE514" s="281"/>
      <c r="AF514" s="281"/>
      <c r="AG514" s="281"/>
      <c r="AH514" s="281"/>
      <c r="AI514" s="281"/>
      <c r="AJ514" s="312"/>
      <c r="AK514" s="277"/>
      <c r="AL514" s="278"/>
    </row>
    <row r="515" spans="1:38" s="76" customFormat="1" ht="13.5" customHeight="1" thickTop="1">
      <c r="A515" s="125"/>
      <c r="B515" s="125"/>
      <c r="C515" s="272"/>
      <c r="D515" s="281"/>
      <c r="E515" s="281"/>
      <c r="F515" s="281"/>
      <c r="G515" s="281"/>
      <c r="H515" s="281"/>
      <c r="I515" s="281"/>
      <c r="J515" s="281"/>
      <c r="K515" s="281"/>
      <c r="L515" s="281"/>
      <c r="M515" s="281"/>
      <c r="N515" s="281"/>
      <c r="O515" s="281"/>
      <c r="P515" s="281"/>
      <c r="Q515" s="281"/>
      <c r="R515" s="281"/>
      <c r="S515" s="281"/>
      <c r="T515" s="281"/>
      <c r="U515" s="281"/>
      <c r="V515" s="281"/>
      <c r="W515" s="281"/>
      <c r="X515" s="281"/>
      <c r="Y515" s="281"/>
      <c r="Z515" s="281"/>
      <c r="AA515" s="281"/>
      <c r="AB515" s="281"/>
      <c r="AC515" s="281"/>
      <c r="AD515" s="281"/>
      <c r="AE515" s="281"/>
      <c r="AF515" s="281"/>
      <c r="AG515" s="281"/>
      <c r="AH515" s="281"/>
      <c r="AI515" s="281"/>
      <c r="AJ515" s="281"/>
      <c r="AK515" s="130"/>
      <c r="AL515" s="126"/>
    </row>
    <row r="516" spans="1:38" s="76" customFormat="1" ht="13.5" customHeight="1">
      <c r="A516" s="125"/>
      <c r="B516" s="125"/>
      <c r="C516" s="273"/>
      <c r="D516" s="274"/>
      <c r="E516" s="274"/>
      <c r="F516" s="274"/>
      <c r="G516" s="274"/>
      <c r="H516" s="274"/>
      <c r="I516" s="274"/>
      <c r="J516" s="274"/>
      <c r="K516" s="274"/>
      <c r="L516" s="274"/>
      <c r="M516" s="274"/>
      <c r="N516" s="274"/>
      <c r="O516" s="274"/>
      <c r="P516" s="274"/>
      <c r="Q516" s="274"/>
      <c r="R516" s="274"/>
      <c r="S516" s="274"/>
      <c r="T516" s="274"/>
      <c r="U516" s="274"/>
      <c r="V516" s="274"/>
      <c r="W516" s="274"/>
      <c r="X516" s="274"/>
      <c r="Y516" s="274"/>
      <c r="Z516" s="274"/>
      <c r="AA516" s="274"/>
      <c r="AB516" s="274"/>
      <c r="AC516" s="274"/>
      <c r="AD516" s="274"/>
      <c r="AE516" s="274"/>
      <c r="AF516" s="274"/>
      <c r="AG516" s="274"/>
      <c r="AH516" s="274"/>
      <c r="AI516" s="274"/>
      <c r="AJ516" s="274"/>
      <c r="AK516" s="131"/>
      <c r="AL516" s="126"/>
    </row>
    <row r="517" spans="1:38" s="76" customFormat="1" ht="13.5" customHeight="1" thickBot="1">
      <c r="A517" s="125"/>
      <c r="B517" s="125"/>
      <c r="C517" s="133"/>
      <c r="D517" s="133"/>
      <c r="E517" s="133"/>
      <c r="F517" s="133"/>
      <c r="G517" s="133"/>
      <c r="H517" s="133"/>
      <c r="I517" s="133"/>
      <c r="J517" s="133"/>
      <c r="K517" s="133"/>
      <c r="L517" s="133"/>
      <c r="M517" s="133"/>
      <c r="N517" s="133"/>
      <c r="O517" s="133"/>
      <c r="P517" s="133"/>
      <c r="Q517" s="133"/>
      <c r="R517" s="133"/>
      <c r="S517" s="133"/>
      <c r="T517" s="133"/>
      <c r="U517" s="133"/>
      <c r="V517" s="133"/>
      <c r="W517" s="133"/>
      <c r="X517" s="133"/>
      <c r="Y517" s="133"/>
      <c r="Z517" s="133"/>
      <c r="AA517" s="133"/>
      <c r="AB517" s="133"/>
      <c r="AC517" s="133"/>
      <c r="AD517" s="133"/>
      <c r="AE517" s="133"/>
      <c r="AF517" s="133"/>
      <c r="AG517" s="133"/>
      <c r="AH517" s="133"/>
      <c r="AI517" s="133"/>
      <c r="AJ517" s="133"/>
      <c r="AK517" s="126"/>
      <c r="AL517" s="126"/>
    </row>
    <row r="518" spans="1:38" s="76" customFormat="1" ht="13.5" customHeight="1" thickTop="1">
      <c r="A518" s="266">
        <v>53</v>
      </c>
      <c r="B518" s="267"/>
      <c r="C518" s="270" t="s">
        <v>530</v>
      </c>
      <c r="D518" s="271"/>
      <c r="E518" s="271"/>
      <c r="F518" s="271"/>
      <c r="G518" s="271"/>
      <c r="H518" s="271"/>
      <c r="I518" s="271"/>
      <c r="J518" s="271"/>
      <c r="K518" s="271"/>
      <c r="L518" s="271"/>
      <c r="M518" s="271"/>
      <c r="N518" s="271"/>
      <c r="O518" s="271"/>
      <c r="P518" s="271"/>
      <c r="Q518" s="271"/>
      <c r="R518" s="271"/>
      <c r="S518" s="271"/>
      <c r="T518" s="271"/>
      <c r="U518" s="271"/>
      <c r="V518" s="271"/>
      <c r="W518" s="271"/>
      <c r="X518" s="271"/>
      <c r="Y518" s="271"/>
      <c r="Z518" s="271"/>
      <c r="AA518" s="271"/>
      <c r="AB518" s="271"/>
      <c r="AC518" s="271"/>
      <c r="AD518" s="271"/>
      <c r="AE518" s="271"/>
      <c r="AF518" s="271"/>
      <c r="AG518" s="271"/>
      <c r="AH518" s="271"/>
      <c r="AI518" s="271"/>
      <c r="AJ518" s="271"/>
      <c r="AK518" s="275"/>
      <c r="AL518" s="276"/>
    </row>
    <row r="519" spans="1:38" s="76" customFormat="1" ht="13.5" customHeight="1" thickBot="1">
      <c r="A519" s="268"/>
      <c r="B519" s="269"/>
      <c r="C519" s="272"/>
      <c r="D519" s="281"/>
      <c r="E519" s="281"/>
      <c r="F519" s="281"/>
      <c r="G519" s="281"/>
      <c r="H519" s="281"/>
      <c r="I519" s="281"/>
      <c r="J519" s="281"/>
      <c r="K519" s="281"/>
      <c r="L519" s="281"/>
      <c r="M519" s="281"/>
      <c r="N519" s="281"/>
      <c r="O519" s="281"/>
      <c r="P519" s="281"/>
      <c r="Q519" s="281"/>
      <c r="R519" s="281"/>
      <c r="S519" s="281"/>
      <c r="T519" s="281"/>
      <c r="U519" s="281"/>
      <c r="V519" s="281"/>
      <c r="W519" s="281"/>
      <c r="X519" s="281"/>
      <c r="Y519" s="281"/>
      <c r="Z519" s="281"/>
      <c r="AA519" s="281"/>
      <c r="AB519" s="281"/>
      <c r="AC519" s="281"/>
      <c r="AD519" s="281"/>
      <c r="AE519" s="281"/>
      <c r="AF519" s="281"/>
      <c r="AG519" s="281"/>
      <c r="AH519" s="281"/>
      <c r="AI519" s="281"/>
      <c r="AJ519" s="281"/>
      <c r="AK519" s="277"/>
      <c r="AL519" s="278"/>
    </row>
    <row r="520" spans="1:38" s="76" customFormat="1" ht="13.5" customHeight="1" thickTop="1">
      <c r="A520" s="125"/>
      <c r="B520" s="125"/>
      <c r="C520" s="272"/>
      <c r="D520" s="281"/>
      <c r="E520" s="281"/>
      <c r="F520" s="281"/>
      <c r="G520" s="281"/>
      <c r="H520" s="281"/>
      <c r="I520" s="281"/>
      <c r="J520" s="281"/>
      <c r="K520" s="281"/>
      <c r="L520" s="281"/>
      <c r="M520" s="281"/>
      <c r="N520" s="281"/>
      <c r="O520" s="281"/>
      <c r="P520" s="281"/>
      <c r="Q520" s="281"/>
      <c r="R520" s="281"/>
      <c r="S520" s="281"/>
      <c r="T520" s="281"/>
      <c r="U520" s="281"/>
      <c r="V520" s="281"/>
      <c r="W520" s="281"/>
      <c r="X520" s="281"/>
      <c r="Y520" s="281"/>
      <c r="Z520" s="281"/>
      <c r="AA520" s="281"/>
      <c r="AB520" s="281"/>
      <c r="AC520" s="281"/>
      <c r="AD520" s="281"/>
      <c r="AE520" s="281"/>
      <c r="AF520" s="281"/>
      <c r="AG520" s="281"/>
      <c r="AH520" s="281"/>
      <c r="AI520" s="281"/>
      <c r="AJ520" s="281"/>
      <c r="AK520" s="130"/>
      <c r="AL520" s="126"/>
    </row>
    <row r="521" spans="1:38" s="76" customFormat="1" ht="13.5" customHeight="1">
      <c r="A521" s="125"/>
      <c r="B521" s="125"/>
      <c r="C521" s="273"/>
      <c r="D521" s="274"/>
      <c r="E521" s="274"/>
      <c r="F521" s="274"/>
      <c r="G521" s="274"/>
      <c r="H521" s="274"/>
      <c r="I521" s="274"/>
      <c r="J521" s="274"/>
      <c r="K521" s="274"/>
      <c r="L521" s="274"/>
      <c r="M521" s="274"/>
      <c r="N521" s="274"/>
      <c r="O521" s="274"/>
      <c r="P521" s="274"/>
      <c r="Q521" s="274"/>
      <c r="R521" s="274"/>
      <c r="S521" s="274"/>
      <c r="T521" s="274"/>
      <c r="U521" s="274"/>
      <c r="V521" s="274"/>
      <c r="W521" s="274"/>
      <c r="X521" s="274"/>
      <c r="Y521" s="274"/>
      <c r="Z521" s="274"/>
      <c r="AA521" s="274"/>
      <c r="AB521" s="274"/>
      <c r="AC521" s="274"/>
      <c r="AD521" s="274"/>
      <c r="AE521" s="274"/>
      <c r="AF521" s="274"/>
      <c r="AG521" s="274"/>
      <c r="AH521" s="274"/>
      <c r="AI521" s="274"/>
      <c r="AJ521" s="314"/>
      <c r="AK521" s="126"/>
      <c r="AL521" s="126"/>
    </row>
    <row r="522" spans="1:38" s="76" customFormat="1" ht="13.5" customHeight="1" thickBot="1"/>
    <row r="523" spans="1:38" s="76" customFormat="1" ht="13.5" customHeight="1" thickTop="1">
      <c r="A523" s="266">
        <v>54</v>
      </c>
      <c r="B523" s="302"/>
      <c r="C523" s="270" t="s">
        <v>531</v>
      </c>
      <c r="D523" s="271"/>
      <c r="E523" s="271"/>
      <c r="F523" s="271"/>
      <c r="G523" s="271"/>
      <c r="H523" s="271"/>
      <c r="I523" s="271"/>
      <c r="J523" s="271"/>
      <c r="K523" s="271"/>
      <c r="L523" s="271"/>
      <c r="M523" s="271"/>
      <c r="N523" s="271"/>
      <c r="O523" s="271"/>
      <c r="P523" s="271"/>
      <c r="Q523" s="271"/>
      <c r="R523" s="271"/>
      <c r="S523" s="271"/>
      <c r="T523" s="271"/>
      <c r="U523" s="271"/>
      <c r="V523" s="271"/>
      <c r="W523" s="271"/>
      <c r="X523" s="271"/>
      <c r="Y523" s="271"/>
      <c r="Z523" s="271"/>
      <c r="AA523" s="271"/>
      <c r="AB523" s="271"/>
      <c r="AC523" s="271"/>
      <c r="AD523" s="271"/>
      <c r="AE523" s="271"/>
      <c r="AF523" s="271"/>
      <c r="AG523" s="271"/>
      <c r="AH523" s="271"/>
      <c r="AI523" s="271"/>
      <c r="AJ523" s="279"/>
      <c r="AK523" s="275"/>
      <c r="AL523" s="276"/>
    </row>
    <row r="524" spans="1:38" s="76" customFormat="1" ht="13.5" customHeight="1" thickBot="1">
      <c r="A524" s="268"/>
      <c r="B524" s="303"/>
      <c r="C524" s="273"/>
      <c r="D524" s="274"/>
      <c r="E524" s="274"/>
      <c r="F524" s="274"/>
      <c r="G524" s="274"/>
      <c r="H524" s="274"/>
      <c r="I524" s="274"/>
      <c r="J524" s="274"/>
      <c r="K524" s="274"/>
      <c r="L524" s="274"/>
      <c r="M524" s="274"/>
      <c r="N524" s="274"/>
      <c r="O524" s="274"/>
      <c r="P524" s="274"/>
      <c r="Q524" s="274"/>
      <c r="R524" s="274"/>
      <c r="S524" s="274"/>
      <c r="T524" s="274"/>
      <c r="U524" s="274"/>
      <c r="V524" s="274"/>
      <c r="W524" s="274"/>
      <c r="X524" s="274"/>
      <c r="Y524" s="274"/>
      <c r="Z524" s="274"/>
      <c r="AA524" s="274"/>
      <c r="AB524" s="274"/>
      <c r="AC524" s="274"/>
      <c r="AD524" s="274"/>
      <c r="AE524" s="274"/>
      <c r="AF524" s="274"/>
      <c r="AG524" s="274"/>
      <c r="AH524" s="274"/>
      <c r="AI524" s="274"/>
      <c r="AJ524" s="280"/>
      <c r="AK524" s="277"/>
      <c r="AL524" s="278"/>
    </row>
    <row r="525" spans="1:38" s="76" customFormat="1" ht="13.5" customHeight="1" thickTop="1">
      <c r="A525" s="125"/>
      <c r="B525" s="125"/>
      <c r="C525" s="133"/>
      <c r="D525" s="133"/>
      <c r="E525" s="133"/>
      <c r="F525" s="133"/>
      <c r="G525" s="133"/>
      <c r="H525" s="133"/>
      <c r="I525" s="133"/>
      <c r="J525" s="133"/>
      <c r="K525" s="133"/>
      <c r="L525" s="133"/>
      <c r="M525" s="133"/>
      <c r="N525" s="133"/>
      <c r="O525" s="133"/>
      <c r="P525" s="133"/>
      <c r="Q525" s="133"/>
      <c r="R525" s="133"/>
      <c r="S525" s="133"/>
      <c r="T525" s="133"/>
      <c r="U525" s="133"/>
      <c r="V525" s="133"/>
      <c r="W525" s="133"/>
      <c r="X525" s="133"/>
      <c r="Y525" s="133"/>
      <c r="Z525" s="133"/>
      <c r="AA525" s="133"/>
      <c r="AB525" s="133"/>
      <c r="AC525" s="133"/>
      <c r="AD525" s="133"/>
      <c r="AE525" s="133"/>
      <c r="AF525" s="133"/>
      <c r="AG525" s="133"/>
      <c r="AH525" s="133"/>
      <c r="AI525" s="133"/>
      <c r="AJ525" s="133"/>
      <c r="AK525" s="126"/>
      <c r="AL525" s="126"/>
    </row>
    <row r="526" spans="1:38" s="76" customFormat="1" ht="13.5" customHeight="1">
      <c r="A526" s="127" t="s">
        <v>106</v>
      </c>
    </row>
    <row r="527" spans="1:38" s="76" customFormat="1" ht="13.5" customHeight="1" thickBot="1">
      <c r="A527" s="129" t="s">
        <v>226</v>
      </c>
    </row>
    <row r="528" spans="1:38" s="76" customFormat="1" ht="13.5" customHeight="1" thickTop="1">
      <c r="A528" s="266">
        <v>55</v>
      </c>
      <c r="B528" s="302"/>
      <c r="C528" s="270" t="s">
        <v>532</v>
      </c>
      <c r="D528" s="271"/>
      <c r="E528" s="271"/>
      <c r="F528" s="271"/>
      <c r="G528" s="271"/>
      <c r="H528" s="271"/>
      <c r="I528" s="271"/>
      <c r="J528" s="271"/>
      <c r="K528" s="271"/>
      <c r="L528" s="271"/>
      <c r="M528" s="271"/>
      <c r="N528" s="271"/>
      <c r="O528" s="271"/>
      <c r="P528" s="271"/>
      <c r="Q528" s="271"/>
      <c r="R528" s="271"/>
      <c r="S528" s="271"/>
      <c r="T528" s="271"/>
      <c r="U528" s="271"/>
      <c r="V528" s="271"/>
      <c r="W528" s="271"/>
      <c r="X528" s="271"/>
      <c r="Y528" s="271"/>
      <c r="Z528" s="271"/>
      <c r="AA528" s="271"/>
      <c r="AB528" s="271"/>
      <c r="AC528" s="271"/>
      <c r="AD528" s="271"/>
      <c r="AE528" s="271"/>
      <c r="AF528" s="271"/>
      <c r="AG528" s="271"/>
      <c r="AH528" s="271"/>
      <c r="AI528" s="271"/>
      <c r="AJ528" s="279"/>
      <c r="AK528" s="275"/>
      <c r="AL528" s="276"/>
    </row>
    <row r="529" spans="1:38" s="76" customFormat="1" ht="13.5" customHeight="1" thickBot="1">
      <c r="A529" s="268"/>
      <c r="B529" s="303"/>
      <c r="C529" s="272"/>
      <c r="D529" s="281"/>
      <c r="E529" s="281"/>
      <c r="F529" s="281"/>
      <c r="G529" s="281"/>
      <c r="H529" s="281"/>
      <c r="I529" s="281"/>
      <c r="J529" s="281"/>
      <c r="K529" s="281"/>
      <c r="L529" s="281"/>
      <c r="M529" s="281"/>
      <c r="N529" s="281"/>
      <c r="O529" s="281"/>
      <c r="P529" s="281"/>
      <c r="Q529" s="281"/>
      <c r="R529" s="281"/>
      <c r="S529" s="281"/>
      <c r="T529" s="281"/>
      <c r="U529" s="281"/>
      <c r="V529" s="281"/>
      <c r="W529" s="281"/>
      <c r="X529" s="281"/>
      <c r="Y529" s="281"/>
      <c r="Z529" s="281"/>
      <c r="AA529" s="281"/>
      <c r="AB529" s="281"/>
      <c r="AC529" s="281"/>
      <c r="AD529" s="281"/>
      <c r="AE529" s="281"/>
      <c r="AF529" s="281"/>
      <c r="AG529" s="281"/>
      <c r="AH529" s="281"/>
      <c r="AI529" s="281"/>
      <c r="AJ529" s="312"/>
      <c r="AK529" s="277"/>
      <c r="AL529" s="278"/>
    </row>
    <row r="530" spans="1:38" s="76" customFormat="1" ht="13.5" customHeight="1" thickTop="1">
      <c r="A530" s="125"/>
      <c r="B530" s="125"/>
      <c r="C530" s="273"/>
      <c r="D530" s="274"/>
      <c r="E530" s="274"/>
      <c r="F530" s="274"/>
      <c r="G530" s="274"/>
      <c r="H530" s="274"/>
      <c r="I530" s="274"/>
      <c r="J530" s="274"/>
      <c r="K530" s="274"/>
      <c r="L530" s="274"/>
      <c r="M530" s="274"/>
      <c r="N530" s="274"/>
      <c r="O530" s="274"/>
      <c r="P530" s="274"/>
      <c r="Q530" s="274"/>
      <c r="R530" s="274"/>
      <c r="S530" s="274"/>
      <c r="T530" s="274"/>
      <c r="U530" s="274"/>
      <c r="V530" s="274"/>
      <c r="W530" s="274"/>
      <c r="X530" s="274"/>
      <c r="Y530" s="274"/>
      <c r="Z530" s="274"/>
      <c r="AA530" s="274"/>
      <c r="AB530" s="274"/>
      <c r="AC530" s="274"/>
      <c r="AD530" s="274"/>
      <c r="AE530" s="274"/>
      <c r="AF530" s="274"/>
      <c r="AG530" s="274"/>
      <c r="AH530" s="274"/>
      <c r="AI530" s="274"/>
      <c r="AJ530" s="274"/>
      <c r="AK530" s="130"/>
      <c r="AL530" s="126"/>
    </row>
    <row r="531" spans="1:38" s="76" customFormat="1" ht="13.5" customHeight="1" thickBot="1">
      <c r="A531" s="125"/>
      <c r="B531" s="125"/>
      <c r="C531" s="178"/>
      <c r="D531" s="133"/>
      <c r="E531" s="133"/>
      <c r="F531" s="133"/>
      <c r="G531" s="133"/>
      <c r="H531" s="133"/>
      <c r="I531" s="133"/>
      <c r="J531" s="133"/>
      <c r="K531" s="133"/>
      <c r="L531" s="133"/>
      <c r="M531" s="133"/>
      <c r="N531" s="133"/>
      <c r="O531" s="133"/>
      <c r="P531" s="133"/>
      <c r="Q531" s="133"/>
      <c r="R531" s="133"/>
      <c r="S531" s="133"/>
      <c r="T531" s="133"/>
      <c r="U531" s="133"/>
      <c r="V531" s="133"/>
      <c r="W531" s="133"/>
      <c r="X531" s="133"/>
      <c r="Y531" s="133"/>
      <c r="Z531" s="133"/>
      <c r="AA531" s="133"/>
      <c r="AB531" s="133"/>
      <c r="AC531" s="133"/>
      <c r="AD531" s="133"/>
      <c r="AE531" s="133"/>
      <c r="AF531" s="133"/>
      <c r="AG531" s="133"/>
      <c r="AH531" s="133"/>
      <c r="AI531" s="133"/>
      <c r="AJ531" s="178"/>
      <c r="AK531" s="126"/>
      <c r="AL531" s="126"/>
    </row>
    <row r="532" spans="1:38" s="76" customFormat="1" ht="13.5" customHeight="1" thickTop="1">
      <c r="A532" s="266">
        <v>56</v>
      </c>
      <c r="B532" s="302"/>
      <c r="C532" s="270" t="s">
        <v>533</v>
      </c>
      <c r="D532" s="271"/>
      <c r="E532" s="271"/>
      <c r="F532" s="271"/>
      <c r="G532" s="271"/>
      <c r="H532" s="271"/>
      <c r="I532" s="271"/>
      <c r="J532" s="271"/>
      <c r="K532" s="271"/>
      <c r="L532" s="271"/>
      <c r="M532" s="271"/>
      <c r="N532" s="271"/>
      <c r="O532" s="271"/>
      <c r="P532" s="271"/>
      <c r="Q532" s="271"/>
      <c r="R532" s="271"/>
      <c r="S532" s="271"/>
      <c r="T532" s="271"/>
      <c r="U532" s="271"/>
      <c r="V532" s="271"/>
      <c r="W532" s="271"/>
      <c r="X532" s="271"/>
      <c r="Y532" s="271"/>
      <c r="Z532" s="271"/>
      <c r="AA532" s="271"/>
      <c r="AB532" s="271"/>
      <c r="AC532" s="271"/>
      <c r="AD532" s="271"/>
      <c r="AE532" s="271"/>
      <c r="AF532" s="271"/>
      <c r="AG532" s="271"/>
      <c r="AH532" s="271"/>
      <c r="AI532" s="271"/>
      <c r="AJ532" s="279"/>
      <c r="AK532" s="275"/>
      <c r="AL532" s="276"/>
    </row>
    <row r="533" spans="1:38" s="76" customFormat="1" ht="13.5" customHeight="1" thickBot="1">
      <c r="A533" s="268"/>
      <c r="B533" s="303"/>
      <c r="C533" s="272"/>
      <c r="D533" s="281"/>
      <c r="E533" s="281"/>
      <c r="F533" s="281"/>
      <c r="G533" s="281"/>
      <c r="H533" s="281"/>
      <c r="I533" s="281"/>
      <c r="J533" s="281"/>
      <c r="K533" s="281"/>
      <c r="L533" s="281"/>
      <c r="M533" s="281"/>
      <c r="N533" s="281"/>
      <c r="O533" s="281"/>
      <c r="P533" s="281"/>
      <c r="Q533" s="281"/>
      <c r="R533" s="281"/>
      <c r="S533" s="281"/>
      <c r="T533" s="281"/>
      <c r="U533" s="281"/>
      <c r="V533" s="281"/>
      <c r="W533" s="281"/>
      <c r="X533" s="281"/>
      <c r="Y533" s="281"/>
      <c r="Z533" s="281"/>
      <c r="AA533" s="281"/>
      <c r="AB533" s="281"/>
      <c r="AC533" s="281"/>
      <c r="AD533" s="281"/>
      <c r="AE533" s="281"/>
      <c r="AF533" s="281"/>
      <c r="AG533" s="281"/>
      <c r="AH533" s="281"/>
      <c r="AI533" s="281"/>
      <c r="AJ533" s="312"/>
      <c r="AK533" s="277"/>
      <c r="AL533" s="278"/>
    </row>
    <row r="534" spans="1:38" s="76" customFormat="1" ht="13.5" customHeight="1" thickTop="1">
      <c r="A534" s="125"/>
      <c r="B534" s="125"/>
      <c r="C534" s="272"/>
      <c r="D534" s="281"/>
      <c r="E534" s="281"/>
      <c r="F534" s="281"/>
      <c r="G534" s="281"/>
      <c r="H534" s="281"/>
      <c r="I534" s="281"/>
      <c r="J534" s="281"/>
      <c r="K534" s="281"/>
      <c r="L534" s="281"/>
      <c r="M534" s="281"/>
      <c r="N534" s="281"/>
      <c r="O534" s="281"/>
      <c r="P534" s="281"/>
      <c r="Q534" s="281"/>
      <c r="R534" s="281"/>
      <c r="S534" s="281"/>
      <c r="T534" s="281"/>
      <c r="U534" s="281"/>
      <c r="V534" s="281"/>
      <c r="W534" s="281"/>
      <c r="X534" s="281"/>
      <c r="Y534" s="281"/>
      <c r="Z534" s="281"/>
      <c r="AA534" s="281"/>
      <c r="AB534" s="281"/>
      <c r="AC534" s="281"/>
      <c r="AD534" s="281"/>
      <c r="AE534" s="281"/>
      <c r="AF534" s="281"/>
      <c r="AG534" s="281"/>
      <c r="AH534" s="281"/>
      <c r="AI534" s="281"/>
      <c r="AJ534" s="281"/>
      <c r="AK534" s="130"/>
      <c r="AL534" s="126"/>
    </row>
    <row r="535" spans="1:38" s="76" customFormat="1" ht="13.5" customHeight="1">
      <c r="A535" s="125"/>
      <c r="B535" s="125"/>
      <c r="C535" s="273"/>
      <c r="D535" s="274"/>
      <c r="E535" s="274"/>
      <c r="F535" s="274"/>
      <c r="G535" s="274"/>
      <c r="H535" s="274"/>
      <c r="I535" s="274"/>
      <c r="J535" s="274"/>
      <c r="K535" s="274"/>
      <c r="L535" s="274"/>
      <c r="M535" s="274"/>
      <c r="N535" s="274"/>
      <c r="O535" s="274"/>
      <c r="P535" s="274"/>
      <c r="Q535" s="274"/>
      <c r="R535" s="274"/>
      <c r="S535" s="274"/>
      <c r="T535" s="274"/>
      <c r="U535" s="274"/>
      <c r="V535" s="274"/>
      <c r="W535" s="274"/>
      <c r="X535" s="274"/>
      <c r="Y535" s="274"/>
      <c r="Z535" s="274"/>
      <c r="AA535" s="274"/>
      <c r="AB535" s="274"/>
      <c r="AC535" s="274"/>
      <c r="AD535" s="274"/>
      <c r="AE535" s="274"/>
      <c r="AF535" s="274"/>
      <c r="AG535" s="274"/>
      <c r="AH535" s="274"/>
      <c r="AI535" s="274"/>
      <c r="AJ535" s="274"/>
      <c r="AK535" s="131"/>
      <c r="AL535" s="126"/>
    </row>
    <row r="536" spans="1:38" s="76" customFormat="1" ht="13.5" customHeight="1"/>
    <row r="537" spans="1:38" s="76" customFormat="1" ht="13.5" customHeight="1" thickBot="1">
      <c r="C537" s="126" t="s">
        <v>107</v>
      </c>
    </row>
    <row r="538" spans="1:38" s="76" customFormat="1" ht="13.5" customHeight="1" thickTop="1">
      <c r="C538" s="306" t="s">
        <v>108</v>
      </c>
      <c r="D538" s="262"/>
      <c r="E538" s="262"/>
      <c r="F538" s="262"/>
      <c r="G538" s="262"/>
      <c r="H538" s="262"/>
      <c r="I538" s="262"/>
      <c r="J538" s="262"/>
      <c r="K538" s="262"/>
      <c r="L538" s="262"/>
      <c r="M538" s="262"/>
      <c r="N538" s="262"/>
      <c r="O538" s="262"/>
      <c r="P538" s="262"/>
      <c r="Q538" s="262"/>
      <c r="R538" s="262"/>
      <c r="S538" s="262"/>
      <c r="T538" s="262"/>
      <c r="U538" s="262"/>
      <c r="V538" s="262"/>
      <c r="W538" s="262"/>
      <c r="X538" s="262"/>
      <c r="Y538" s="262"/>
      <c r="Z538" s="262"/>
      <c r="AA538" s="262"/>
      <c r="AB538" s="262"/>
      <c r="AC538" s="262"/>
      <c r="AD538" s="262"/>
      <c r="AE538" s="262"/>
      <c r="AF538" s="262"/>
      <c r="AG538" s="262"/>
      <c r="AH538" s="262"/>
      <c r="AI538" s="262"/>
      <c r="AJ538" s="379"/>
      <c r="AK538" s="275"/>
      <c r="AL538" s="276"/>
    </row>
    <row r="539" spans="1:38" s="76" customFormat="1" ht="13.5" customHeight="1" thickBot="1">
      <c r="C539" s="308"/>
      <c r="D539" s="284"/>
      <c r="E539" s="284"/>
      <c r="F539" s="284"/>
      <c r="G539" s="284"/>
      <c r="H539" s="284"/>
      <c r="I539" s="284"/>
      <c r="J539" s="284"/>
      <c r="K539" s="284"/>
      <c r="L539" s="284"/>
      <c r="M539" s="284"/>
      <c r="N539" s="284"/>
      <c r="O539" s="284"/>
      <c r="P539" s="284"/>
      <c r="Q539" s="284"/>
      <c r="R539" s="284"/>
      <c r="S539" s="284"/>
      <c r="T539" s="284"/>
      <c r="U539" s="284"/>
      <c r="V539" s="284"/>
      <c r="W539" s="284"/>
      <c r="X539" s="284"/>
      <c r="Y539" s="284"/>
      <c r="Z539" s="284"/>
      <c r="AA539" s="284"/>
      <c r="AB539" s="284"/>
      <c r="AC539" s="284"/>
      <c r="AD539" s="284"/>
      <c r="AE539" s="284"/>
      <c r="AF539" s="284"/>
      <c r="AG539" s="284"/>
      <c r="AH539" s="284"/>
      <c r="AI539" s="284"/>
      <c r="AJ539" s="313"/>
      <c r="AK539" s="277"/>
      <c r="AL539" s="278"/>
    </row>
    <row r="540" spans="1:38" s="76" customFormat="1" ht="13.5" customHeight="1" thickTop="1">
      <c r="C540" s="306" t="s">
        <v>109</v>
      </c>
      <c r="D540" s="262"/>
      <c r="E540" s="262"/>
      <c r="F540" s="262"/>
      <c r="G540" s="262"/>
      <c r="H540" s="262"/>
      <c r="I540" s="262"/>
      <c r="J540" s="262"/>
      <c r="K540" s="262"/>
      <c r="L540" s="262"/>
      <c r="M540" s="262"/>
      <c r="N540" s="262"/>
      <c r="O540" s="262"/>
      <c r="P540" s="262"/>
      <c r="Q540" s="262"/>
      <c r="R540" s="262"/>
      <c r="S540" s="262"/>
      <c r="T540" s="262"/>
      <c r="U540" s="262"/>
      <c r="V540" s="262"/>
      <c r="W540" s="262"/>
      <c r="X540" s="262"/>
      <c r="Y540" s="262"/>
      <c r="Z540" s="262"/>
      <c r="AA540" s="262"/>
      <c r="AB540" s="262"/>
      <c r="AC540" s="262"/>
      <c r="AD540" s="262"/>
      <c r="AE540" s="262"/>
      <c r="AF540" s="262"/>
      <c r="AG540" s="262"/>
      <c r="AH540" s="262"/>
      <c r="AI540" s="262"/>
      <c r="AJ540" s="379"/>
      <c r="AK540" s="275"/>
      <c r="AL540" s="276"/>
    </row>
    <row r="541" spans="1:38" s="76" customFormat="1" ht="13.5" customHeight="1" thickBot="1">
      <c r="C541" s="308"/>
      <c r="D541" s="284"/>
      <c r="E541" s="284"/>
      <c r="F541" s="284"/>
      <c r="G541" s="284"/>
      <c r="H541" s="284"/>
      <c r="I541" s="284"/>
      <c r="J541" s="284"/>
      <c r="K541" s="284"/>
      <c r="L541" s="284"/>
      <c r="M541" s="284"/>
      <c r="N541" s="284"/>
      <c r="O541" s="284"/>
      <c r="P541" s="284"/>
      <c r="Q541" s="284"/>
      <c r="R541" s="284"/>
      <c r="S541" s="284"/>
      <c r="T541" s="284"/>
      <c r="U541" s="284"/>
      <c r="V541" s="284"/>
      <c r="W541" s="284"/>
      <c r="X541" s="284"/>
      <c r="Y541" s="284"/>
      <c r="Z541" s="284"/>
      <c r="AA541" s="284"/>
      <c r="AB541" s="284"/>
      <c r="AC541" s="284"/>
      <c r="AD541" s="284"/>
      <c r="AE541" s="284"/>
      <c r="AF541" s="284"/>
      <c r="AG541" s="284"/>
      <c r="AH541" s="284"/>
      <c r="AI541" s="284"/>
      <c r="AJ541" s="313"/>
      <c r="AK541" s="277"/>
      <c r="AL541" s="278"/>
    </row>
    <row r="542" spans="1:38" s="76" customFormat="1" ht="13.5" customHeight="1" thickTop="1">
      <c r="C542" s="306" t="s">
        <v>110</v>
      </c>
      <c r="D542" s="262"/>
      <c r="E542" s="262"/>
      <c r="F542" s="262"/>
      <c r="G542" s="262"/>
      <c r="H542" s="262"/>
      <c r="I542" s="262"/>
      <c r="J542" s="262"/>
      <c r="K542" s="262"/>
      <c r="L542" s="262"/>
      <c r="M542" s="262"/>
      <c r="N542" s="262"/>
      <c r="O542" s="262"/>
      <c r="P542" s="262"/>
      <c r="Q542" s="262"/>
      <c r="R542" s="262"/>
      <c r="S542" s="262"/>
      <c r="T542" s="262"/>
      <c r="U542" s="262"/>
      <c r="V542" s="262"/>
      <c r="W542" s="262"/>
      <c r="X542" s="262"/>
      <c r="Y542" s="262"/>
      <c r="Z542" s="262"/>
      <c r="AA542" s="262"/>
      <c r="AB542" s="262"/>
      <c r="AC542" s="262"/>
      <c r="AD542" s="262"/>
      <c r="AE542" s="262"/>
      <c r="AF542" s="262"/>
      <c r="AG542" s="262"/>
      <c r="AH542" s="262"/>
      <c r="AI542" s="262"/>
      <c r="AJ542" s="379"/>
      <c r="AK542" s="275"/>
      <c r="AL542" s="276"/>
    </row>
    <row r="543" spans="1:38" s="76" customFormat="1" ht="13.5" customHeight="1" thickBot="1">
      <c r="C543" s="308"/>
      <c r="D543" s="284"/>
      <c r="E543" s="284"/>
      <c r="F543" s="284"/>
      <c r="G543" s="284"/>
      <c r="H543" s="284"/>
      <c r="I543" s="284"/>
      <c r="J543" s="284"/>
      <c r="K543" s="284"/>
      <c r="L543" s="284"/>
      <c r="M543" s="284"/>
      <c r="N543" s="284"/>
      <c r="O543" s="284"/>
      <c r="P543" s="284"/>
      <c r="Q543" s="284"/>
      <c r="R543" s="284"/>
      <c r="S543" s="284"/>
      <c r="T543" s="284"/>
      <c r="U543" s="284"/>
      <c r="V543" s="284"/>
      <c r="W543" s="284"/>
      <c r="X543" s="284"/>
      <c r="Y543" s="284"/>
      <c r="Z543" s="284"/>
      <c r="AA543" s="284"/>
      <c r="AB543" s="284"/>
      <c r="AC543" s="284"/>
      <c r="AD543" s="284"/>
      <c r="AE543" s="284"/>
      <c r="AF543" s="284"/>
      <c r="AG543" s="284"/>
      <c r="AH543" s="284"/>
      <c r="AI543" s="284"/>
      <c r="AJ543" s="313"/>
      <c r="AK543" s="277"/>
      <c r="AL543" s="278"/>
    </row>
    <row r="544" spans="1:38" s="76" customFormat="1" ht="13.5" customHeight="1" thickTop="1">
      <c r="C544" s="306" t="s">
        <v>111</v>
      </c>
      <c r="D544" s="262"/>
      <c r="E544" s="262"/>
      <c r="F544" s="262"/>
      <c r="G544" s="262"/>
      <c r="H544" s="262"/>
      <c r="I544" s="262"/>
      <c r="J544" s="262"/>
      <c r="K544" s="262"/>
      <c r="L544" s="262"/>
      <c r="M544" s="262"/>
      <c r="N544" s="262"/>
      <c r="O544" s="262"/>
      <c r="P544" s="262"/>
      <c r="Q544" s="262"/>
      <c r="R544" s="262"/>
      <c r="S544" s="262"/>
      <c r="T544" s="262"/>
      <c r="U544" s="262"/>
      <c r="V544" s="262"/>
      <c r="W544" s="262"/>
      <c r="X544" s="262"/>
      <c r="Y544" s="262"/>
      <c r="Z544" s="262"/>
      <c r="AA544" s="262"/>
      <c r="AB544" s="262"/>
      <c r="AC544" s="262"/>
      <c r="AD544" s="262"/>
      <c r="AE544" s="262"/>
      <c r="AF544" s="262"/>
      <c r="AG544" s="262"/>
      <c r="AH544" s="262"/>
      <c r="AI544" s="262"/>
      <c r="AJ544" s="379"/>
      <c r="AK544" s="275"/>
      <c r="AL544" s="276"/>
    </row>
    <row r="545" spans="1:38" s="76" customFormat="1" ht="13.5" customHeight="1" thickBot="1">
      <c r="C545" s="308"/>
      <c r="D545" s="284"/>
      <c r="E545" s="284"/>
      <c r="F545" s="284"/>
      <c r="G545" s="284"/>
      <c r="H545" s="284"/>
      <c r="I545" s="284"/>
      <c r="J545" s="284"/>
      <c r="K545" s="284"/>
      <c r="L545" s="284"/>
      <c r="M545" s="284"/>
      <c r="N545" s="284"/>
      <c r="O545" s="284"/>
      <c r="P545" s="284"/>
      <c r="Q545" s="284"/>
      <c r="R545" s="284"/>
      <c r="S545" s="284"/>
      <c r="T545" s="284"/>
      <c r="U545" s="284"/>
      <c r="V545" s="284"/>
      <c r="W545" s="284"/>
      <c r="X545" s="284"/>
      <c r="Y545" s="284"/>
      <c r="Z545" s="284"/>
      <c r="AA545" s="284"/>
      <c r="AB545" s="284"/>
      <c r="AC545" s="284"/>
      <c r="AD545" s="284"/>
      <c r="AE545" s="284"/>
      <c r="AF545" s="284"/>
      <c r="AG545" s="284"/>
      <c r="AH545" s="284"/>
      <c r="AI545" s="284"/>
      <c r="AJ545" s="313"/>
      <c r="AK545" s="277"/>
      <c r="AL545" s="278"/>
    </row>
    <row r="546" spans="1:38" s="76" customFormat="1" ht="13.5" customHeight="1" thickTop="1">
      <c r="C546" s="306" t="s">
        <v>112</v>
      </c>
      <c r="D546" s="262"/>
      <c r="E546" s="262"/>
      <c r="F546" s="262"/>
      <c r="G546" s="262"/>
      <c r="H546" s="262"/>
      <c r="I546" s="262"/>
      <c r="J546" s="262"/>
      <c r="K546" s="262"/>
      <c r="L546" s="262"/>
      <c r="M546" s="262"/>
      <c r="N546" s="262"/>
      <c r="O546" s="262"/>
      <c r="P546" s="262"/>
      <c r="Q546" s="262"/>
      <c r="R546" s="262"/>
      <c r="S546" s="262"/>
      <c r="T546" s="262"/>
      <c r="U546" s="262"/>
      <c r="V546" s="262"/>
      <c r="W546" s="262"/>
      <c r="X546" s="262"/>
      <c r="Y546" s="262"/>
      <c r="Z546" s="262"/>
      <c r="AA546" s="262"/>
      <c r="AB546" s="262"/>
      <c r="AC546" s="262"/>
      <c r="AD546" s="262"/>
      <c r="AE546" s="262"/>
      <c r="AF546" s="262"/>
      <c r="AG546" s="262"/>
      <c r="AH546" s="262"/>
      <c r="AI546" s="262"/>
      <c r="AJ546" s="379"/>
      <c r="AK546" s="275"/>
      <c r="AL546" s="276"/>
    </row>
    <row r="547" spans="1:38" s="76" customFormat="1" ht="13.5" customHeight="1" thickBot="1">
      <c r="C547" s="308"/>
      <c r="D547" s="284"/>
      <c r="E547" s="284"/>
      <c r="F547" s="284"/>
      <c r="G547" s="284"/>
      <c r="H547" s="284"/>
      <c r="I547" s="284"/>
      <c r="J547" s="284"/>
      <c r="K547" s="284"/>
      <c r="L547" s="284"/>
      <c r="M547" s="284"/>
      <c r="N547" s="284"/>
      <c r="O547" s="284"/>
      <c r="P547" s="284"/>
      <c r="Q547" s="284"/>
      <c r="R547" s="284"/>
      <c r="S547" s="284"/>
      <c r="T547" s="284"/>
      <c r="U547" s="284"/>
      <c r="V547" s="284"/>
      <c r="W547" s="284"/>
      <c r="X547" s="284"/>
      <c r="Y547" s="284"/>
      <c r="Z547" s="284"/>
      <c r="AA547" s="284"/>
      <c r="AB547" s="284"/>
      <c r="AC547" s="284"/>
      <c r="AD547" s="284"/>
      <c r="AE547" s="284"/>
      <c r="AF547" s="284"/>
      <c r="AG547" s="284"/>
      <c r="AH547" s="284"/>
      <c r="AI547" s="284"/>
      <c r="AJ547" s="313"/>
      <c r="AK547" s="277"/>
      <c r="AL547" s="278"/>
    </row>
    <row r="548" spans="1:38" s="76" customFormat="1" ht="13.5" customHeight="1" thickTop="1" thickBot="1"/>
    <row r="549" spans="1:38" s="76" customFormat="1" ht="13.5" customHeight="1" thickTop="1">
      <c r="A549" s="266">
        <v>57</v>
      </c>
      <c r="B549" s="302"/>
      <c r="C549" s="270" t="s">
        <v>534</v>
      </c>
      <c r="D549" s="271"/>
      <c r="E549" s="271"/>
      <c r="F549" s="271"/>
      <c r="G549" s="271"/>
      <c r="H549" s="271"/>
      <c r="I549" s="271"/>
      <c r="J549" s="271"/>
      <c r="K549" s="271"/>
      <c r="L549" s="271"/>
      <c r="M549" s="271"/>
      <c r="N549" s="271"/>
      <c r="O549" s="271"/>
      <c r="P549" s="271"/>
      <c r="Q549" s="271"/>
      <c r="R549" s="271"/>
      <c r="S549" s="271"/>
      <c r="T549" s="271"/>
      <c r="U549" s="271"/>
      <c r="V549" s="271"/>
      <c r="W549" s="271"/>
      <c r="X549" s="271"/>
      <c r="Y549" s="271"/>
      <c r="Z549" s="271"/>
      <c r="AA549" s="271"/>
      <c r="AB549" s="271"/>
      <c r="AC549" s="271"/>
      <c r="AD549" s="271"/>
      <c r="AE549" s="271"/>
      <c r="AF549" s="271"/>
      <c r="AG549" s="271"/>
      <c r="AH549" s="271"/>
      <c r="AI549" s="271"/>
      <c r="AJ549" s="279"/>
      <c r="AK549" s="275"/>
      <c r="AL549" s="276"/>
    </row>
    <row r="550" spans="1:38" s="76" customFormat="1" ht="13.5" customHeight="1" thickBot="1">
      <c r="A550" s="268"/>
      <c r="B550" s="303"/>
      <c r="C550" s="272"/>
      <c r="D550" s="281"/>
      <c r="E550" s="281"/>
      <c r="F550" s="281"/>
      <c r="G550" s="281"/>
      <c r="H550" s="281"/>
      <c r="I550" s="281"/>
      <c r="J550" s="281"/>
      <c r="K550" s="281"/>
      <c r="L550" s="281"/>
      <c r="M550" s="281"/>
      <c r="N550" s="281"/>
      <c r="O550" s="281"/>
      <c r="P550" s="281"/>
      <c r="Q550" s="281"/>
      <c r="R550" s="281"/>
      <c r="S550" s="281"/>
      <c r="T550" s="281"/>
      <c r="U550" s="281"/>
      <c r="V550" s="281"/>
      <c r="W550" s="281"/>
      <c r="X550" s="281"/>
      <c r="Y550" s="281"/>
      <c r="Z550" s="281"/>
      <c r="AA550" s="281"/>
      <c r="AB550" s="281"/>
      <c r="AC550" s="281"/>
      <c r="AD550" s="281"/>
      <c r="AE550" s="281"/>
      <c r="AF550" s="281"/>
      <c r="AG550" s="281"/>
      <c r="AH550" s="281"/>
      <c r="AI550" s="281"/>
      <c r="AJ550" s="312"/>
      <c r="AK550" s="277"/>
      <c r="AL550" s="278"/>
    </row>
    <row r="551" spans="1:38" s="76" customFormat="1" ht="13.5" customHeight="1" thickTop="1">
      <c r="A551" s="125"/>
      <c r="B551" s="125"/>
      <c r="C551" s="273"/>
      <c r="D551" s="274"/>
      <c r="E551" s="274"/>
      <c r="F551" s="274"/>
      <c r="G551" s="274"/>
      <c r="H551" s="274"/>
      <c r="I551" s="274"/>
      <c r="J551" s="274"/>
      <c r="K551" s="274"/>
      <c r="L551" s="274"/>
      <c r="M551" s="274"/>
      <c r="N551" s="274"/>
      <c r="O551" s="274"/>
      <c r="P551" s="274"/>
      <c r="Q551" s="274"/>
      <c r="R551" s="274"/>
      <c r="S551" s="274"/>
      <c r="T551" s="274"/>
      <c r="U551" s="274"/>
      <c r="V551" s="274"/>
      <c r="W551" s="274"/>
      <c r="X551" s="274"/>
      <c r="Y551" s="274"/>
      <c r="Z551" s="274"/>
      <c r="AA551" s="274"/>
      <c r="AB551" s="274"/>
      <c r="AC551" s="274"/>
      <c r="AD551" s="274"/>
      <c r="AE551" s="274"/>
      <c r="AF551" s="274"/>
      <c r="AG551" s="274"/>
      <c r="AH551" s="274"/>
      <c r="AI551" s="274"/>
      <c r="AJ551" s="274"/>
      <c r="AK551" s="130"/>
      <c r="AL551" s="162"/>
    </row>
    <row r="552" spans="1:38" s="76" customFormat="1" ht="13.5" customHeight="1" thickBot="1"/>
    <row r="553" spans="1:38" s="76" customFormat="1" ht="13.5" customHeight="1" thickTop="1">
      <c r="A553" s="266">
        <v>58</v>
      </c>
      <c r="B553" s="302"/>
      <c r="C553" s="270" t="s">
        <v>535</v>
      </c>
      <c r="D553" s="271"/>
      <c r="E553" s="271"/>
      <c r="F553" s="271"/>
      <c r="G553" s="271"/>
      <c r="H553" s="271"/>
      <c r="I553" s="271"/>
      <c r="J553" s="271"/>
      <c r="K553" s="271"/>
      <c r="L553" s="271"/>
      <c r="M553" s="271"/>
      <c r="N553" s="271"/>
      <c r="O553" s="271"/>
      <c r="P553" s="271"/>
      <c r="Q553" s="271"/>
      <c r="R553" s="271"/>
      <c r="S553" s="271"/>
      <c r="T553" s="271"/>
      <c r="U553" s="271"/>
      <c r="V553" s="271"/>
      <c r="W553" s="271"/>
      <c r="X553" s="271"/>
      <c r="Y553" s="271"/>
      <c r="Z553" s="271"/>
      <c r="AA553" s="271"/>
      <c r="AB553" s="271"/>
      <c r="AC553" s="271"/>
      <c r="AD553" s="271"/>
      <c r="AE553" s="271"/>
      <c r="AF553" s="271"/>
      <c r="AG553" s="271"/>
      <c r="AH553" s="271"/>
      <c r="AI553" s="271"/>
      <c r="AJ553" s="271"/>
      <c r="AK553" s="275"/>
      <c r="AL553" s="276"/>
    </row>
    <row r="554" spans="1:38" s="76" customFormat="1" ht="13.5" customHeight="1" thickBot="1">
      <c r="A554" s="268"/>
      <c r="B554" s="303"/>
      <c r="C554" s="272"/>
      <c r="D554" s="281"/>
      <c r="E554" s="281"/>
      <c r="F554" s="281"/>
      <c r="G554" s="281"/>
      <c r="H554" s="281"/>
      <c r="I554" s="281"/>
      <c r="J554" s="281"/>
      <c r="K554" s="281"/>
      <c r="L554" s="281"/>
      <c r="M554" s="281"/>
      <c r="N554" s="281"/>
      <c r="O554" s="281"/>
      <c r="P554" s="281"/>
      <c r="Q554" s="281"/>
      <c r="R554" s="281"/>
      <c r="S554" s="281"/>
      <c r="T554" s="281"/>
      <c r="U554" s="281"/>
      <c r="V554" s="281"/>
      <c r="W554" s="281"/>
      <c r="X554" s="281"/>
      <c r="Y554" s="281"/>
      <c r="Z554" s="281"/>
      <c r="AA554" s="281"/>
      <c r="AB554" s="281"/>
      <c r="AC554" s="281"/>
      <c r="AD554" s="281"/>
      <c r="AE554" s="281"/>
      <c r="AF554" s="281"/>
      <c r="AG554" s="281"/>
      <c r="AH554" s="281"/>
      <c r="AI554" s="281"/>
      <c r="AJ554" s="281"/>
      <c r="AK554" s="277"/>
      <c r="AL554" s="278"/>
    </row>
    <row r="555" spans="1:38" s="76" customFormat="1" ht="13.5" customHeight="1" thickTop="1">
      <c r="A555" s="125"/>
      <c r="B555" s="125"/>
      <c r="C555" s="273"/>
      <c r="D555" s="274"/>
      <c r="E555" s="274"/>
      <c r="F555" s="274"/>
      <c r="G555" s="274"/>
      <c r="H555" s="274"/>
      <c r="I555" s="274"/>
      <c r="J555" s="274"/>
      <c r="K555" s="274"/>
      <c r="L555" s="274"/>
      <c r="M555" s="274"/>
      <c r="N555" s="274"/>
      <c r="O555" s="274"/>
      <c r="P555" s="274"/>
      <c r="Q555" s="274"/>
      <c r="R555" s="274"/>
      <c r="S555" s="274"/>
      <c r="T555" s="274"/>
      <c r="U555" s="274"/>
      <c r="V555" s="274"/>
      <c r="W555" s="274"/>
      <c r="X555" s="274"/>
      <c r="Y555" s="274"/>
      <c r="Z555" s="274"/>
      <c r="AA555" s="274"/>
      <c r="AB555" s="274"/>
      <c r="AC555" s="274"/>
      <c r="AD555" s="274"/>
      <c r="AE555" s="274"/>
      <c r="AF555" s="274"/>
      <c r="AG555" s="274"/>
      <c r="AH555" s="274"/>
      <c r="AI555" s="274"/>
      <c r="AJ555" s="274"/>
      <c r="AK555" s="131"/>
      <c r="AL555" s="126"/>
    </row>
    <row r="556" spans="1:38" s="76" customFormat="1" ht="13.5" customHeight="1">
      <c r="A556" s="125"/>
      <c r="B556" s="125"/>
      <c r="C556" s="133"/>
      <c r="D556" s="133"/>
      <c r="E556" s="133"/>
      <c r="F556" s="133"/>
      <c r="G556" s="133"/>
      <c r="H556" s="133"/>
      <c r="I556" s="133"/>
      <c r="J556" s="133"/>
      <c r="K556" s="133"/>
      <c r="L556" s="133"/>
      <c r="M556" s="133"/>
      <c r="N556" s="133"/>
      <c r="O556" s="133"/>
      <c r="P556" s="133"/>
      <c r="Q556" s="133"/>
      <c r="R556" s="133"/>
      <c r="S556" s="133"/>
      <c r="T556" s="133"/>
      <c r="U556" s="133"/>
      <c r="V556" s="133"/>
      <c r="W556" s="133"/>
      <c r="X556" s="133"/>
      <c r="Y556" s="133"/>
      <c r="Z556" s="133"/>
      <c r="AA556" s="133"/>
      <c r="AB556" s="133"/>
      <c r="AC556" s="133"/>
      <c r="AD556" s="133"/>
      <c r="AE556" s="133"/>
      <c r="AF556" s="133"/>
      <c r="AG556" s="133"/>
      <c r="AH556" s="133"/>
      <c r="AI556" s="133"/>
      <c r="AJ556" s="133"/>
      <c r="AK556" s="126"/>
      <c r="AL556" s="126"/>
    </row>
    <row r="557" spans="1:38" s="76" customFormat="1" ht="13.5" customHeight="1" thickBot="1">
      <c r="A557" s="125"/>
      <c r="B557" s="125"/>
      <c r="C557" s="126" t="s">
        <v>113</v>
      </c>
      <c r="D557" s="133"/>
      <c r="E557" s="133"/>
      <c r="F557" s="133"/>
      <c r="G557" s="133"/>
      <c r="H557" s="133"/>
      <c r="I557" s="133"/>
      <c r="J557" s="133"/>
      <c r="K557" s="133"/>
      <c r="L557" s="133"/>
      <c r="M557" s="133"/>
      <c r="N557" s="133"/>
      <c r="O557" s="133"/>
      <c r="P557" s="133"/>
      <c r="Q557" s="133"/>
      <c r="R557" s="133"/>
      <c r="S557" s="133"/>
      <c r="T557" s="133"/>
      <c r="U557" s="133"/>
      <c r="V557" s="133"/>
      <c r="W557" s="133"/>
      <c r="X557" s="133"/>
      <c r="Y557" s="133"/>
      <c r="Z557" s="133"/>
      <c r="AA557" s="133"/>
      <c r="AB557" s="133"/>
      <c r="AC557" s="133"/>
      <c r="AD557" s="133"/>
      <c r="AE557" s="133"/>
      <c r="AF557" s="133"/>
      <c r="AG557" s="133"/>
      <c r="AH557" s="133"/>
      <c r="AI557" s="133"/>
      <c r="AJ557" s="133"/>
      <c r="AK557" s="126"/>
      <c r="AL557" s="126"/>
    </row>
    <row r="558" spans="1:38" s="76" customFormat="1" ht="13.5" customHeight="1" thickTop="1">
      <c r="A558" s="125"/>
      <c r="B558" s="125"/>
      <c r="C558" s="306" t="s">
        <v>114</v>
      </c>
      <c r="D558" s="262"/>
      <c r="E558" s="262"/>
      <c r="F558" s="262"/>
      <c r="G558" s="262"/>
      <c r="H558" s="262"/>
      <c r="I558" s="262"/>
      <c r="J558" s="262"/>
      <c r="K558" s="262"/>
      <c r="L558" s="262"/>
      <c r="M558" s="262"/>
      <c r="N558" s="262"/>
      <c r="O558" s="262"/>
      <c r="P558" s="262"/>
      <c r="Q558" s="262"/>
      <c r="R558" s="262"/>
      <c r="S558" s="262"/>
      <c r="T558" s="262"/>
      <c r="U558" s="262"/>
      <c r="V558" s="262"/>
      <c r="W558" s="262"/>
      <c r="X558" s="262"/>
      <c r="Y558" s="262"/>
      <c r="Z558" s="262"/>
      <c r="AA558" s="262"/>
      <c r="AB558" s="262"/>
      <c r="AC558" s="262"/>
      <c r="AD558" s="262"/>
      <c r="AE558" s="262"/>
      <c r="AF558" s="262"/>
      <c r="AG558" s="262"/>
      <c r="AH558" s="262"/>
      <c r="AI558" s="262"/>
      <c r="AJ558" s="379"/>
      <c r="AK558" s="275"/>
      <c r="AL558" s="276"/>
    </row>
    <row r="559" spans="1:38" s="76" customFormat="1" ht="13.5" customHeight="1" thickBot="1">
      <c r="A559" s="125"/>
      <c r="B559" s="125"/>
      <c r="C559" s="308"/>
      <c r="D559" s="284"/>
      <c r="E559" s="284"/>
      <c r="F559" s="284"/>
      <c r="G559" s="284"/>
      <c r="H559" s="284"/>
      <c r="I559" s="284"/>
      <c r="J559" s="284"/>
      <c r="K559" s="284"/>
      <c r="L559" s="284"/>
      <c r="M559" s="284"/>
      <c r="N559" s="284"/>
      <c r="O559" s="284"/>
      <c r="P559" s="284"/>
      <c r="Q559" s="284"/>
      <c r="R559" s="284"/>
      <c r="S559" s="284"/>
      <c r="T559" s="284"/>
      <c r="U559" s="284"/>
      <c r="V559" s="284"/>
      <c r="W559" s="284"/>
      <c r="X559" s="284"/>
      <c r="Y559" s="284"/>
      <c r="Z559" s="284"/>
      <c r="AA559" s="284"/>
      <c r="AB559" s="284"/>
      <c r="AC559" s="284"/>
      <c r="AD559" s="284"/>
      <c r="AE559" s="284"/>
      <c r="AF559" s="284"/>
      <c r="AG559" s="284"/>
      <c r="AH559" s="284"/>
      <c r="AI559" s="284"/>
      <c r="AJ559" s="313"/>
      <c r="AK559" s="277"/>
      <c r="AL559" s="278"/>
    </row>
    <row r="560" spans="1:38" s="76" customFormat="1" ht="13.5" customHeight="1" thickTop="1">
      <c r="A560" s="125"/>
      <c r="B560" s="125"/>
      <c r="C560" s="306" t="s">
        <v>115</v>
      </c>
      <c r="D560" s="262"/>
      <c r="E560" s="262"/>
      <c r="F560" s="262"/>
      <c r="G560" s="262"/>
      <c r="H560" s="262"/>
      <c r="I560" s="262"/>
      <c r="J560" s="262"/>
      <c r="K560" s="262"/>
      <c r="L560" s="262"/>
      <c r="M560" s="262"/>
      <c r="N560" s="262"/>
      <c r="O560" s="262"/>
      <c r="P560" s="262"/>
      <c r="Q560" s="262"/>
      <c r="R560" s="262"/>
      <c r="S560" s="262"/>
      <c r="T560" s="262"/>
      <c r="U560" s="262"/>
      <c r="V560" s="262"/>
      <c r="W560" s="262"/>
      <c r="X560" s="262"/>
      <c r="Y560" s="262"/>
      <c r="Z560" s="262"/>
      <c r="AA560" s="262"/>
      <c r="AB560" s="262"/>
      <c r="AC560" s="262"/>
      <c r="AD560" s="262"/>
      <c r="AE560" s="262"/>
      <c r="AF560" s="262"/>
      <c r="AG560" s="262"/>
      <c r="AH560" s="262"/>
      <c r="AI560" s="262"/>
      <c r="AJ560" s="379"/>
      <c r="AK560" s="275"/>
      <c r="AL560" s="276"/>
    </row>
    <row r="561" spans="1:38" s="76" customFormat="1" ht="13.5" customHeight="1" thickBot="1">
      <c r="A561" s="125"/>
      <c r="B561" s="125"/>
      <c r="C561" s="308"/>
      <c r="D561" s="284"/>
      <c r="E561" s="284"/>
      <c r="F561" s="284"/>
      <c r="G561" s="284"/>
      <c r="H561" s="284"/>
      <c r="I561" s="284"/>
      <c r="J561" s="284"/>
      <c r="K561" s="284"/>
      <c r="L561" s="284"/>
      <c r="M561" s="284"/>
      <c r="N561" s="284"/>
      <c r="O561" s="284"/>
      <c r="P561" s="284"/>
      <c r="Q561" s="284"/>
      <c r="R561" s="284"/>
      <c r="S561" s="284"/>
      <c r="T561" s="284"/>
      <c r="U561" s="284"/>
      <c r="V561" s="284"/>
      <c r="W561" s="284"/>
      <c r="X561" s="284"/>
      <c r="Y561" s="284"/>
      <c r="Z561" s="284"/>
      <c r="AA561" s="284"/>
      <c r="AB561" s="284"/>
      <c r="AC561" s="284"/>
      <c r="AD561" s="284"/>
      <c r="AE561" s="284"/>
      <c r="AF561" s="284"/>
      <c r="AG561" s="284"/>
      <c r="AH561" s="284"/>
      <c r="AI561" s="284"/>
      <c r="AJ561" s="313"/>
      <c r="AK561" s="277"/>
      <c r="AL561" s="278"/>
    </row>
    <row r="562" spans="1:38" s="76" customFormat="1" ht="13.5" customHeight="1" thickTop="1">
      <c r="A562" s="125"/>
      <c r="B562" s="125"/>
      <c r="C562" s="306" t="s">
        <v>116</v>
      </c>
      <c r="D562" s="262"/>
      <c r="E562" s="262"/>
      <c r="F562" s="262"/>
      <c r="G562" s="262"/>
      <c r="H562" s="262"/>
      <c r="I562" s="262"/>
      <c r="J562" s="262"/>
      <c r="K562" s="262"/>
      <c r="L562" s="262"/>
      <c r="M562" s="262"/>
      <c r="N562" s="262"/>
      <c r="O562" s="262"/>
      <c r="P562" s="262"/>
      <c r="Q562" s="262"/>
      <c r="R562" s="262"/>
      <c r="S562" s="262"/>
      <c r="T562" s="262"/>
      <c r="U562" s="262"/>
      <c r="V562" s="262"/>
      <c r="W562" s="262"/>
      <c r="X562" s="262"/>
      <c r="Y562" s="262"/>
      <c r="Z562" s="262"/>
      <c r="AA562" s="262"/>
      <c r="AB562" s="262"/>
      <c r="AC562" s="262"/>
      <c r="AD562" s="262"/>
      <c r="AE562" s="262"/>
      <c r="AF562" s="262"/>
      <c r="AG562" s="262"/>
      <c r="AH562" s="262"/>
      <c r="AI562" s="262"/>
      <c r="AJ562" s="379"/>
      <c r="AK562" s="275"/>
      <c r="AL562" s="276"/>
    </row>
    <row r="563" spans="1:38" s="76" customFormat="1" ht="13.5" customHeight="1" thickBot="1">
      <c r="A563" s="125"/>
      <c r="B563" s="125"/>
      <c r="C563" s="308"/>
      <c r="D563" s="284"/>
      <c r="E563" s="284"/>
      <c r="F563" s="284"/>
      <c r="G563" s="284"/>
      <c r="H563" s="284"/>
      <c r="I563" s="284"/>
      <c r="J563" s="284"/>
      <c r="K563" s="284"/>
      <c r="L563" s="284"/>
      <c r="M563" s="284"/>
      <c r="N563" s="284"/>
      <c r="O563" s="284"/>
      <c r="P563" s="284"/>
      <c r="Q563" s="284"/>
      <c r="R563" s="284"/>
      <c r="S563" s="284"/>
      <c r="T563" s="284"/>
      <c r="U563" s="284"/>
      <c r="V563" s="284"/>
      <c r="W563" s="284"/>
      <c r="X563" s="284"/>
      <c r="Y563" s="284"/>
      <c r="Z563" s="284"/>
      <c r="AA563" s="284"/>
      <c r="AB563" s="284"/>
      <c r="AC563" s="284"/>
      <c r="AD563" s="284"/>
      <c r="AE563" s="284"/>
      <c r="AF563" s="284"/>
      <c r="AG563" s="284"/>
      <c r="AH563" s="284"/>
      <c r="AI563" s="284"/>
      <c r="AJ563" s="313"/>
      <c r="AK563" s="277"/>
      <c r="AL563" s="278"/>
    </row>
    <row r="564" spans="1:38" s="76" customFormat="1" ht="13.5" customHeight="1" thickTop="1">
      <c r="A564" s="125"/>
      <c r="B564" s="125"/>
      <c r="C564" s="306" t="s">
        <v>117</v>
      </c>
      <c r="D564" s="262"/>
      <c r="E564" s="262"/>
      <c r="F564" s="262"/>
      <c r="G564" s="262"/>
      <c r="H564" s="262"/>
      <c r="I564" s="262"/>
      <c r="J564" s="262"/>
      <c r="K564" s="262"/>
      <c r="L564" s="262"/>
      <c r="M564" s="262"/>
      <c r="N564" s="262"/>
      <c r="O564" s="262"/>
      <c r="P564" s="262"/>
      <c r="Q564" s="262"/>
      <c r="R564" s="262"/>
      <c r="S564" s="262"/>
      <c r="T564" s="262"/>
      <c r="U564" s="262"/>
      <c r="V564" s="262"/>
      <c r="W564" s="262"/>
      <c r="X564" s="262"/>
      <c r="Y564" s="262"/>
      <c r="Z564" s="262"/>
      <c r="AA564" s="262"/>
      <c r="AB564" s="262"/>
      <c r="AC564" s="262"/>
      <c r="AD564" s="262"/>
      <c r="AE564" s="262"/>
      <c r="AF564" s="262"/>
      <c r="AG564" s="262"/>
      <c r="AH564" s="262"/>
      <c r="AI564" s="262"/>
      <c r="AJ564" s="379"/>
      <c r="AK564" s="275"/>
      <c r="AL564" s="276"/>
    </row>
    <row r="565" spans="1:38" s="76" customFormat="1" ht="13.5" customHeight="1" thickBot="1">
      <c r="A565" s="125"/>
      <c r="B565" s="125"/>
      <c r="C565" s="308"/>
      <c r="D565" s="284"/>
      <c r="E565" s="284"/>
      <c r="F565" s="284"/>
      <c r="G565" s="284"/>
      <c r="H565" s="284"/>
      <c r="I565" s="284"/>
      <c r="J565" s="284"/>
      <c r="K565" s="284"/>
      <c r="L565" s="284"/>
      <c r="M565" s="284"/>
      <c r="N565" s="284"/>
      <c r="O565" s="284"/>
      <c r="P565" s="284"/>
      <c r="Q565" s="284"/>
      <c r="R565" s="284"/>
      <c r="S565" s="284"/>
      <c r="T565" s="284"/>
      <c r="U565" s="284"/>
      <c r="V565" s="284"/>
      <c r="W565" s="284"/>
      <c r="X565" s="284"/>
      <c r="Y565" s="284"/>
      <c r="Z565" s="284"/>
      <c r="AA565" s="284"/>
      <c r="AB565" s="284"/>
      <c r="AC565" s="284"/>
      <c r="AD565" s="284"/>
      <c r="AE565" s="284"/>
      <c r="AF565" s="284"/>
      <c r="AG565" s="284"/>
      <c r="AH565" s="284"/>
      <c r="AI565" s="284"/>
      <c r="AJ565" s="313"/>
      <c r="AK565" s="277"/>
      <c r="AL565" s="278"/>
    </row>
    <row r="566" spans="1:38" s="76" customFormat="1" ht="13.5" customHeight="1" thickTop="1">
      <c r="A566" s="125"/>
      <c r="B566" s="125"/>
      <c r="C566" s="306" t="s">
        <v>118</v>
      </c>
      <c r="D566" s="262"/>
      <c r="E566" s="262"/>
      <c r="F566" s="262"/>
      <c r="G566" s="262"/>
      <c r="H566" s="262"/>
      <c r="I566" s="262"/>
      <c r="J566" s="262"/>
      <c r="K566" s="262"/>
      <c r="L566" s="262"/>
      <c r="M566" s="262"/>
      <c r="N566" s="262"/>
      <c r="O566" s="262"/>
      <c r="P566" s="262"/>
      <c r="Q566" s="262"/>
      <c r="R566" s="262"/>
      <c r="S566" s="262"/>
      <c r="T566" s="262"/>
      <c r="U566" s="262"/>
      <c r="V566" s="262"/>
      <c r="W566" s="262"/>
      <c r="X566" s="262"/>
      <c r="Y566" s="262"/>
      <c r="Z566" s="262"/>
      <c r="AA566" s="262"/>
      <c r="AB566" s="262"/>
      <c r="AC566" s="262"/>
      <c r="AD566" s="262"/>
      <c r="AE566" s="262"/>
      <c r="AF566" s="262"/>
      <c r="AG566" s="262"/>
      <c r="AH566" s="262"/>
      <c r="AI566" s="262"/>
      <c r="AJ566" s="379"/>
      <c r="AK566" s="275"/>
      <c r="AL566" s="276"/>
    </row>
    <row r="567" spans="1:38" s="76" customFormat="1" ht="13.5" customHeight="1" thickBot="1">
      <c r="A567" s="125"/>
      <c r="B567" s="125"/>
      <c r="C567" s="308"/>
      <c r="D567" s="284"/>
      <c r="E567" s="284"/>
      <c r="F567" s="284"/>
      <c r="G567" s="284"/>
      <c r="H567" s="284"/>
      <c r="I567" s="284"/>
      <c r="J567" s="284"/>
      <c r="K567" s="284"/>
      <c r="L567" s="284"/>
      <c r="M567" s="284"/>
      <c r="N567" s="284"/>
      <c r="O567" s="284"/>
      <c r="P567" s="284"/>
      <c r="Q567" s="284"/>
      <c r="R567" s="284"/>
      <c r="S567" s="284"/>
      <c r="T567" s="284"/>
      <c r="U567" s="284"/>
      <c r="V567" s="284"/>
      <c r="W567" s="284"/>
      <c r="X567" s="284"/>
      <c r="Y567" s="284"/>
      <c r="Z567" s="284"/>
      <c r="AA567" s="284"/>
      <c r="AB567" s="284"/>
      <c r="AC567" s="284"/>
      <c r="AD567" s="284"/>
      <c r="AE567" s="284"/>
      <c r="AF567" s="284"/>
      <c r="AG567" s="284"/>
      <c r="AH567" s="284"/>
      <c r="AI567" s="284"/>
      <c r="AJ567" s="313"/>
      <c r="AK567" s="277"/>
      <c r="AL567" s="278"/>
    </row>
    <row r="568" spans="1:38" s="76" customFormat="1" ht="13.5" customHeight="1" thickTop="1">
      <c r="C568" s="306" t="s">
        <v>119</v>
      </c>
      <c r="D568" s="262"/>
      <c r="E568" s="262"/>
      <c r="F568" s="262"/>
      <c r="G568" s="262"/>
      <c r="H568" s="262"/>
      <c r="I568" s="262"/>
      <c r="J568" s="262"/>
      <c r="K568" s="262"/>
      <c r="L568" s="262"/>
      <c r="M568" s="262"/>
      <c r="N568" s="262"/>
      <c r="O568" s="262"/>
      <c r="P568" s="262"/>
      <c r="Q568" s="262"/>
      <c r="R568" s="262"/>
      <c r="S568" s="262"/>
      <c r="T568" s="262"/>
      <c r="U568" s="262"/>
      <c r="V568" s="262"/>
      <c r="W568" s="262"/>
      <c r="X568" s="262"/>
      <c r="Y568" s="262"/>
      <c r="Z568" s="262"/>
      <c r="AA568" s="262"/>
      <c r="AB568" s="262"/>
      <c r="AC568" s="262"/>
      <c r="AD568" s="262"/>
      <c r="AE568" s="262"/>
      <c r="AF568" s="262"/>
      <c r="AG568" s="262"/>
      <c r="AH568" s="262"/>
      <c r="AI568" s="262"/>
      <c r="AJ568" s="379"/>
      <c r="AK568" s="275"/>
      <c r="AL568" s="276"/>
    </row>
    <row r="569" spans="1:38" s="76" customFormat="1" ht="13.5" customHeight="1" thickBot="1">
      <c r="C569" s="308"/>
      <c r="D569" s="284"/>
      <c r="E569" s="284"/>
      <c r="F569" s="284"/>
      <c r="G569" s="284"/>
      <c r="H569" s="284"/>
      <c r="I569" s="284"/>
      <c r="J569" s="284"/>
      <c r="K569" s="284"/>
      <c r="L569" s="284"/>
      <c r="M569" s="284"/>
      <c r="N569" s="284"/>
      <c r="O569" s="284"/>
      <c r="P569" s="284"/>
      <c r="Q569" s="284"/>
      <c r="R569" s="284"/>
      <c r="S569" s="284"/>
      <c r="T569" s="284"/>
      <c r="U569" s="284"/>
      <c r="V569" s="284"/>
      <c r="W569" s="284"/>
      <c r="X569" s="284"/>
      <c r="Y569" s="284"/>
      <c r="Z569" s="284"/>
      <c r="AA569" s="284"/>
      <c r="AB569" s="284"/>
      <c r="AC569" s="284"/>
      <c r="AD569" s="284"/>
      <c r="AE569" s="284"/>
      <c r="AF569" s="284"/>
      <c r="AG569" s="284"/>
      <c r="AH569" s="284"/>
      <c r="AI569" s="284"/>
      <c r="AJ569" s="313"/>
      <c r="AK569" s="277"/>
      <c r="AL569" s="278"/>
    </row>
    <row r="570" spans="1:38" s="76" customFormat="1" ht="13.5" customHeight="1" thickTop="1" thickBot="1"/>
    <row r="571" spans="1:38" s="76" customFormat="1" ht="13.5" customHeight="1" thickTop="1">
      <c r="A571" s="266">
        <v>59</v>
      </c>
      <c r="B571" s="302"/>
      <c r="C571" s="270" t="s">
        <v>536</v>
      </c>
      <c r="D571" s="271"/>
      <c r="E571" s="271"/>
      <c r="F571" s="271"/>
      <c r="G571" s="271"/>
      <c r="H571" s="271"/>
      <c r="I571" s="271"/>
      <c r="J571" s="271"/>
      <c r="K571" s="271"/>
      <c r="L571" s="271"/>
      <c r="M571" s="271"/>
      <c r="N571" s="271"/>
      <c r="O571" s="271"/>
      <c r="P571" s="271"/>
      <c r="Q571" s="271"/>
      <c r="R571" s="271"/>
      <c r="S571" s="271"/>
      <c r="T571" s="271"/>
      <c r="U571" s="271"/>
      <c r="V571" s="271"/>
      <c r="W571" s="271"/>
      <c r="X571" s="271"/>
      <c r="Y571" s="271"/>
      <c r="Z571" s="271"/>
      <c r="AA571" s="271"/>
      <c r="AB571" s="271"/>
      <c r="AC571" s="271"/>
      <c r="AD571" s="271"/>
      <c r="AE571" s="271"/>
      <c r="AF571" s="271"/>
      <c r="AG571" s="271"/>
      <c r="AH571" s="271"/>
      <c r="AI571" s="271"/>
      <c r="AJ571" s="279"/>
      <c r="AK571" s="275"/>
      <c r="AL571" s="276"/>
    </row>
    <row r="572" spans="1:38" s="76" customFormat="1" ht="13.5" customHeight="1" thickBot="1">
      <c r="A572" s="268"/>
      <c r="B572" s="303"/>
      <c r="C572" s="272"/>
      <c r="D572" s="281"/>
      <c r="E572" s="281"/>
      <c r="F572" s="281"/>
      <c r="G572" s="281"/>
      <c r="H572" s="281"/>
      <c r="I572" s="281"/>
      <c r="J572" s="281"/>
      <c r="K572" s="281"/>
      <c r="L572" s="281"/>
      <c r="M572" s="281"/>
      <c r="N572" s="281"/>
      <c r="O572" s="281"/>
      <c r="P572" s="281"/>
      <c r="Q572" s="281"/>
      <c r="R572" s="281"/>
      <c r="S572" s="281"/>
      <c r="T572" s="281"/>
      <c r="U572" s="281"/>
      <c r="V572" s="281"/>
      <c r="W572" s="281"/>
      <c r="X572" s="281"/>
      <c r="Y572" s="281"/>
      <c r="Z572" s="281"/>
      <c r="AA572" s="281"/>
      <c r="AB572" s="281"/>
      <c r="AC572" s="281"/>
      <c r="AD572" s="281"/>
      <c r="AE572" s="281"/>
      <c r="AF572" s="281"/>
      <c r="AG572" s="281"/>
      <c r="AH572" s="281"/>
      <c r="AI572" s="281"/>
      <c r="AJ572" s="312"/>
      <c r="AK572" s="277"/>
      <c r="AL572" s="278"/>
    </row>
    <row r="573" spans="1:38" s="76" customFormat="1" ht="13.5" customHeight="1" thickTop="1">
      <c r="A573" s="125"/>
      <c r="B573" s="125"/>
      <c r="C573" s="272"/>
      <c r="D573" s="281"/>
      <c r="E573" s="281"/>
      <c r="F573" s="281"/>
      <c r="G573" s="281"/>
      <c r="H573" s="281"/>
      <c r="I573" s="281"/>
      <c r="J573" s="281"/>
      <c r="K573" s="281"/>
      <c r="L573" s="281"/>
      <c r="M573" s="281"/>
      <c r="N573" s="281"/>
      <c r="O573" s="281"/>
      <c r="P573" s="281"/>
      <c r="Q573" s="281"/>
      <c r="R573" s="281"/>
      <c r="S573" s="281"/>
      <c r="T573" s="281"/>
      <c r="U573" s="281"/>
      <c r="V573" s="281"/>
      <c r="W573" s="281"/>
      <c r="X573" s="281"/>
      <c r="Y573" s="281"/>
      <c r="Z573" s="281"/>
      <c r="AA573" s="281"/>
      <c r="AB573" s="281"/>
      <c r="AC573" s="281"/>
      <c r="AD573" s="281"/>
      <c r="AE573" s="281"/>
      <c r="AF573" s="281"/>
      <c r="AG573" s="281"/>
      <c r="AH573" s="281"/>
      <c r="AI573" s="281"/>
      <c r="AJ573" s="281"/>
      <c r="AK573" s="130"/>
      <c r="AL573" s="162"/>
    </row>
    <row r="574" spans="1:38" s="76" customFormat="1" ht="13.5" customHeight="1">
      <c r="A574" s="125"/>
      <c r="B574" s="125"/>
      <c r="C574" s="273"/>
      <c r="D574" s="274"/>
      <c r="E574" s="274"/>
      <c r="F574" s="274"/>
      <c r="G574" s="274"/>
      <c r="H574" s="274"/>
      <c r="I574" s="274"/>
      <c r="J574" s="274"/>
      <c r="K574" s="274"/>
      <c r="L574" s="274"/>
      <c r="M574" s="274"/>
      <c r="N574" s="274"/>
      <c r="O574" s="274"/>
      <c r="P574" s="274"/>
      <c r="Q574" s="274"/>
      <c r="R574" s="274"/>
      <c r="S574" s="274"/>
      <c r="T574" s="274"/>
      <c r="U574" s="274"/>
      <c r="V574" s="274"/>
      <c r="W574" s="274"/>
      <c r="X574" s="274"/>
      <c r="Y574" s="274"/>
      <c r="Z574" s="274"/>
      <c r="AA574" s="274"/>
      <c r="AB574" s="274"/>
      <c r="AC574" s="274"/>
      <c r="AD574" s="274"/>
      <c r="AE574" s="274"/>
      <c r="AF574" s="274"/>
      <c r="AG574" s="274"/>
      <c r="AH574" s="274"/>
      <c r="AI574" s="274"/>
      <c r="AJ574" s="274"/>
      <c r="AK574" s="131"/>
      <c r="AL574" s="126"/>
    </row>
    <row r="575" spans="1:38" s="76" customFormat="1" ht="13.5" customHeight="1">
      <c r="B575" s="76" t="s">
        <v>59</v>
      </c>
      <c r="C575" s="319" t="s">
        <v>323</v>
      </c>
      <c r="D575" s="319"/>
      <c r="E575" s="319"/>
      <c r="F575" s="319"/>
      <c r="G575" s="319"/>
      <c r="H575" s="319"/>
      <c r="I575" s="319"/>
      <c r="J575" s="319"/>
      <c r="K575" s="319"/>
      <c r="L575" s="319"/>
      <c r="M575" s="319"/>
      <c r="N575" s="319"/>
      <c r="O575" s="319"/>
      <c r="P575" s="319"/>
      <c r="Q575" s="319"/>
      <c r="R575" s="319"/>
      <c r="S575" s="319"/>
      <c r="T575" s="319"/>
      <c r="U575" s="319"/>
      <c r="V575" s="319"/>
      <c r="W575" s="319"/>
      <c r="X575" s="319"/>
      <c r="Y575" s="319"/>
      <c r="Z575" s="319"/>
      <c r="AA575" s="319"/>
      <c r="AB575" s="319"/>
      <c r="AC575" s="319"/>
      <c r="AD575" s="319"/>
      <c r="AE575" s="319"/>
      <c r="AF575" s="319"/>
      <c r="AG575" s="319"/>
      <c r="AH575" s="319"/>
      <c r="AI575" s="319"/>
      <c r="AJ575" s="319"/>
    </row>
    <row r="576" spans="1:38" s="76" customFormat="1" ht="13.5" customHeight="1" thickBot="1"/>
    <row r="577" spans="1:38" s="76" customFormat="1" ht="13.5" customHeight="1" thickTop="1">
      <c r="A577" s="266">
        <v>60</v>
      </c>
      <c r="B577" s="302"/>
      <c r="C577" s="270" t="s">
        <v>537</v>
      </c>
      <c r="D577" s="271"/>
      <c r="E577" s="271"/>
      <c r="F577" s="271"/>
      <c r="G577" s="271"/>
      <c r="H577" s="271"/>
      <c r="I577" s="271"/>
      <c r="J577" s="271"/>
      <c r="K577" s="271"/>
      <c r="L577" s="271"/>
      <c r="M577" s="271"/>
      <c r="N577" s="271"/>
      <c r="O577" s="271"/>
      <c r="P577" s="271"/>
      <c r="Q577" s="271"/>
      <c r="R577" s="271"/>
      <c r="S577" s="271"/>
      <c r="T577" s="271"/>
      <c r="U577" s="271"/>
      <c r="V577" s="271"/>
      <c r="W577" s="271"/>
      <c r="X577" s="271"/>
      <c r="Y577" s="271"/>
      <c r="Z577" s="271"/>
      <c r="AA577" s="271"/>
      <c r="AB577" s="271"/>
      <c r="AC577" s="271"/>
      <c r="AD577" s="271"/>
      <c r="AE577" s="271"/>
      <c r="AF577" s="271"/>
      <c r="AG577" s="271"/>
      <c r="AH577" s="271"/>
      <c r="AI577" s="271"/>
      <c r="AJ577" s="279"/>
      <c r="AK577" s="275"/>
      <c r="AL577" s="276"/>
    </row>
    <row r="578" spans="1:38" s="76" customFormat="1" ht="13.5" customHeight="1" thickBot="1">
      <c r="A578" s="268"/>
      <c r="B578" s="303"/>
      <c r="C578" s="272"/>
      <c r="D578" s="281"/>
      <c r="E578" s="281"/>
      <c r="F578" s="281"/>
      <c r="G578" s="281"/>
      <c r="H578" s="281"/>
      <c r="I578" s="281"/>
      <c r="J578" s="281"/>
      <c r="K578" s="281"/>
      <c r="L578" s="281"/>
      <c r="M578" s="281"/>
      <c r="N578" s="281"/>
      <c r="O578" s="281"/>
      <c r="P578" s="281"/>
      <c r="Q578" s="281"/>
      <c r="R578" s="281"/>
      <c r="S578" s="281"/>
      <c r="T578" s="281"/>
      <c r="U578" s="281"/>
      <c r="V578" s="281"/>
      <c r="W578" s="281"/>
      <c r="X578" s="281"/>
      <c r="Y578" s="281"/>
      <c r="Z578" s="281"/>
      <c r="AA578" s="281"/>
      <c r="AB578" s="281"/>
      <c r="AC578" s="281"/>
      <c r="AD578" s="281"/>
      <c r="AE578" s="281"/>
      <c r="AF578" s="281"/>
      <c r="AG578" s="281"/>
      <c r="AH578" s="281"/>
      <c r="AI578" s="281"/>
      <c r="AJ578" s="312"/>
      <c r="AK578" s="277"/>
      <c r="AL578" s="278"/>
    </row>
    <row r="579" spans="1:38" s="76" customFormat="1" ht="13.5" customHeight="1" thickTop="1">
      <c r="A579" s="125"/>
      <c r="B579" s="125"/>
      <c r="C579" s="273"/>
      <c r="D579" s="274"/>
      <c r="E579" s="274"/>
      <c r="F579" s="274"/>
      <c r="G579" s="274"/>
      <c r="H579" s="274"/>
      <c r="I579" s="274"/>
      <c r="J579" s="274"/>
      <c r="K579" s="274"/>
      <c r="L579" s="274"/>
      <c r="M579" s="274"/>
      <c r="N579" s="274"/>
      <c r="O579" s="274"/>
      <c r="P579" s="274"/>
      <c r="Q579" s="274"/>
      <c r="R579" s="274"/>
      <c r="S579" s="274"/>
      <c r="T579" s="274"/>
      <c r="U579" s="274"/>
      <c r="V579" s="274"/>
      <c r="W579" s="274"/>
      <c r="X579" s="274"/>
      <c r="Y579" s="274"/>
      <c r="Z579" s="274"/>
      <c r="AA579" s="274"/>
      <c r="AB579" s="274"/>
      <c r="AC579" s="274"/>
      <c r="AD579" s="274"/>
      <c r="AE579" s="274"/>
      <c r="AF579" s="274"/>
      <c r="AG579" s="274"/>
      <c r="AH579" s="274"/>
      <c r="AI579" s="274"/>
      <c r="AJ579" s="274"/>
      <c r="AK579" s="131"/>
      <c r="AL579" s="126"/>
    </row>
    <row r="580" spans="1:38" s="76" customFormat="1" ht="13.5" customHeight="1" thickBot="1"/>
    <row r="581" spans="1:38" s="76" customFormat="1" ht="13.5" customHeight="1" thickTop="1">
      <c r="A581" s="266">
        <v>61</v>
      </c>
      <c r="B581" s="302"/>
      <c r="C581" s="270" t="s">
        <v>538</v>
      </c>
      <c r="D581" s="271"/>
      <c r="E581" s="271"/>
      <c r="F581" s="271"/>
      <c r="G581" s="271"/>
      <c r="H581" s="271"/>
      <c r="I581" s="271"/>
      <c r="J581" s="271"/>
      <c r="K581" s="271"/>
      <c r="L581" s="271"/>
      <c r="M581" s="271"/>
      <c r="N581" s="271"/>
      <c r="O581" s="271"/>
      <c r="P581" s="271"/>
      <c r="Q581" s="271"/>
      <c r="R581" s="271"/>
      <c r="S581" s="271"/>
      <c r="T581" s="271"/>
      <c r="U581" s="271"/>
      <c r="V581" s="271"/>
      <c r="W581" s="271"/>
      <c r="X581" s="271"/>
      <c r="Y581" s="271"/>
      <c r="Z581" s="271"/>
      <c r="AA581" s="271"/>
      <c r="AB581" s="271"/>
      <c r="AC581" s="271"/>
      <c r="AD581" s="271"/>
      <c r="AE581" s="271"/>
      <c r="AF581" s="271"/>
      <c r="AG581" s="271"/>
      <c r="AH581" s="271"/>
      <c r="AI581" s="271"/>
      <c r="AJ581" s="279"/>
      <c r="AK581" s="275"/>
      <c r="AL581" s="276"/>
    </row>
    <row r="582" spans="1:38" s="76" customFormat="1" ht="13.5" customHeight="1" thickBot="1">
      <c r="A582" s="268"/>
      <c r="B582" s="303"/>
      <c r="C582" s="272"/>
      <c r="D582" s="281"/>
      <c r="E582" s="281"/>
      <c r="F582" s="281"/>
      <c r="G582" s="281"/>
      <c r="H582" s="281"/>
      <c r="I582" s="281"/>
      <c r="J582" s="281"/>
      <c r="K582" s="281"/>
      <c r="L582" s="281"/>
      <c r="M582" s="281"/>
      <c r="N582" s="281"/>
      <c r="O582" s="281"/>
      <c r="P582" s="281"/>
      <c r="Q582" s="281"/>
      <c r="R582" s="281"/>
      <c r="S582" s="281"/>
      <c r="T582" s="281"/>
      <c r="U582" s="281"/>
      <c r="V582" s="281"/>
      <c r="W582" s="281"/>
      <c r="X582" s="281"/>
      <c r="Y582" s="281"/>
      <c r="Z582" s="281"/>
      <c r="AA582" s="281"/>
      <c r="AB582" s="281"/>
      <c r="AC582" s="281"/>
      <c r="AD582" s="281"/>
      <c r="AE582" s="281"/>
      <c r="AF582" s="281"/>
      <c r="AG582" s="281"/>
      <c r="AH582" s="281"/>
      <c r="AI582" s="281"/>
      <c r="AJ582" s="312"/>
      <c r="AK582" s="277"/>
      <c r="AL582" s="278"/>
    </row>
    <row r="583" spans="1:38" s="76" customFormat="1" ht="13.5" customHeight="1" thickTop="1">
      <c r="A583" s="125"/>
      <c r="B583" s="125"/>
      <c r="C583" s="273"/>
      <c r="D583" s="274"/>
      <c r="E583" s="274"/>
      <c r="F583" s="274"/>
      <c r="G583" s="274"/>
      <c r="H583" s="274"/>
      <c r="I583" s="274"/>
      <c r="J583" s="274"/>
      <c r="K583" s="274"/>
      <c r="L583" s="274"/>
      <c r="M583" s="274"/>
      <c r="N583" s="274"/>
      <c r="O583" s="274"/>
      <c r="P583" s="274"/>
      <c r="Q583" s="274"/>
      <c r="R583" s="274"/>
      <c r="S583" s="274"/>
      <c r="T583" s="274"/>
      <c r="U583" s="274"/>
      <c r="V583" s="274"/>
      <c r="W583" s="274"/>
      <c r="X583" s="274"/>
      <c r="Y583" s="274"/>
      <c r="Z583" s="274"/>
      <c r="AA583" s="274"/>
      <c r="AB583" s="274"/>
      <c r="AC583" s="274"/>
      <c r="AD583" s="274"/>
      <c r="AE583" s="274"/>
      <c r="AF583" s="274"/>
      <c r="AG583" s="274"/>
      <c r="AH583" s="274"/>
      <c r="AI583" s="274"/>
      <c r="AJ583" s="274"/>
      <c r="AK583" s="130"/>
      <c r="AL583" s="162"/>
    </row>
    <row r="584" spans="1:38" s="76" customFormat="1" ht="13.5" customHeight="1" thickBot="1">
      <c r="A584" s="125"/>
      <c r="B584" s="125"/>
      <c r="C584" s="133"/>
      <c r="D584" s="133"/>
      <c r="E584" s="133"/>
      <c r="F584" s="133"/>
      <c r="G584" s="133"/>
      <c r="H584" s="133"/>
      <c r="I584" s="133"/>
      <c r="J584" s="133"/>
      <c r="K584" s="133"/>
      <c r="L584" s="133"/>
      <c r="M584" s="133"/>
      <c r="N584" s="133"/>
      <c r="O584" s="133"/>
      <c r="P584" s="133"/>
      <c r="Q584" s="133"/>
      <c r="R584" s="133"/>
      <c r="S584" s="133"/>
      <c r="T584" s="133"/>
      <c r="U584" s="133"/>
      <c r="V584" s="133"/>
      <c r="W584" s="133"/>
      <c r="X584" s="133"/>
      <c r="Y584" s="133"/>
      <c r="Z584" s="133"/>
      <c r="AA584" s="133"/>
      <c r="AB584" s="133"/>
      <c r="AC584" s="133"/>
      <c r="AD584" s="133"/>
      <c r="AE584" s="133"/>
      <c r="AF584" s="133"/>
      <c r="AG584" s="133"/>
      <c r="AH584" s="133"/>
      <c r="AI584" s="133"/>
      <c r="AJ584" s="133"/>
      <c r="AK584" s="126"/>
      <c r="AL584" s="126"/>
    </row>
    <row r="585" spans="1:38" s="76" customFormat="1" ht="13.5" customHeight="1" thickTop="1">
      <c r="A585" s="266">
        <v>62</v>
      </c>
      <c r="B585" s="302"/>
      <c r="C585" s="270" t="s">
        <v>539</v>
      </c>
      <c r="D585" s="271"/>
      <c r="E585" s="271"/>
      <c r="F585" s="271"/>
      <c r="G585" s="271"/>
      <c r="H585" s="271"/>
      <c r="I585" s="271"/>
      <c r="J585" s="271"/>
      <c r="K585" s="271"/>
      <c r="L585" s="271"/>
      <c r="M585" s="271"/>
      <c r="N585" s="271"/>
      <c r="O585" s="271"/>
      <c r="P585" s="271"/>
      <c r="Q585" s="271"/>
      <c r="R585" s="271"/>
      <c r="S585" s="271"/>
      <c r="T585" s="271"/>
      <c r="U585" s="271"/>
      <c r="V585" s="271"/>
      <c r="W585" s="271"/>
      <c r="X585" s="271"/>
      <c r="Y585" s="271"/>
      <c r="Z585" s="271"/>
      <c r="AA585" s="271"/>
      <c r="AB585" s="271"/>
      <c r="AC585" s="271"/>
      <c r="AD585" s="271"/>
      <c r="AE585" s="271"/>
      <c r="AF585" s="271"/>
      <c r="AG585" s="271"/>
      <c r="AH585" s="271"/>
      <c r="AI585" s="271"/>
      <c r="AJ585" s="271"/>
      <c r="AK585" s="275"/>
      <c r="AL585" s="276"/>
    </row>
    <row r="586" spans="1:38" s="76" customFormat="1" ht="13.5" customHeight="1" thickBot="1">
      <c r="A586" s="268"/>
      <c r="B586" s="303"/>
      <c r="C586" s="272"/>
      <c r="D586" s="281"/>
      <c r="E586" s="281"/>
      <c r="F586" s="281"/>
      <c r="G586" s="281"/>
      <c r="H586" s="281"/>
      <c r="I586" s="281"/>
      <c r="J586" s="281"/>
      <c r="K586" s="281"/>
      <c r="L586" s="281"/>
      <c r="M586" s="281"/>
      <c r="N586" s="281"/>
      <c r="O586" s="281"/>
      <c r="P586" s="281"/>
      <c r="Q586" s="281"/>
      <c r="R586" s="281"/>
      <c r="S586" s="281"/>
      <c r="T586" s="281"/>
      <c r="U586" s="281"/>
      <c r="V586" s="281"/>
      <c r="W586" s="281"/>
      <c r="X586" s="281"/>
      <c r="Y586" s="281"/>
      <c r="Z586" s="281"/>
      <c r="AA586" s="281"/>
      <c r="AB586" s="281"/>
      <c r="AC586" s="281"/>
      <c r="AD586" s="281"/>
      <c r="AE586" s="281"/>
      <c r="AF586" s="281"/>
      <c r="AG586" s="281"/>
      <c r="AH586" s="281"/>
      <c r="AI586" s="281"/>
      <c r="AJ586" s="281"/>
      <c r="AK586" s="277"/>
      <c r="AL586" s="278"/>
    </row>
    <row r="587" spans="1:38" s="76" customFormat="1" ht="13.5" customHeight="1" thickTop="1">
      <c r="A587" s="125"/>
      <c r="B587" s="125"/>
      <c r="C587" s="272"/>
      <c r="D587" s="281"/>
      <c r="E587" s="281"/>
      <c r="F587" s="281"/>
      <c r="G587" s="281"/>
      <c r="H587" s="281"/>
      <c r="I587" s="281"/>
      <c r="J587" s="281"/>
      <c r="K587" s="281"/>
      <c r="L587" s="281"/>
      <c r="M587" s="281"/>
      <c r="N587" s="281"/>
      <c r="O587" s="281"/>
      <c r="P587" s="281"/>
      <c r="Q587" s="281"/>
      <c r="R587" s="281"/>
      <c r="S587" s="281"/>
      <c r="T587" s="281"/>
      <c r="U587" s="281"/>
      <c r="V587" s="281"/>
      <c r="W587" s="281"/>
      <c r="X587" s="281"/>
      <c r="Y587" s="281"/>
      <c r="Z587" s="281"/>
      <c r="AA587" s="281"/>
      <c r="AB587" s="281"/>
      <c r="AC587" s="281"/>
      <c r="AD587" s="281"/>
      <c r="AE587" s="281"/>
      <c r="AF587" s="281"/>
      <c r="AG587" s="281"/>
      <c r="AH587" s="281"/>
      <c r="AI587" s="281"/>
      <c r="AJ587" s="281"/>
      <c r="AK587" s="130"/>
      <c r="AL587" s="126"/>
    </row>
    <row r="588" spans="1:38" s="76" customFormat="1" ht="13.5" customHeight="1">
      <c r="A588" s="125"/>
      <c r="B588" s="125"/>
      <c r="C588" s="273"/>
      <c r="D588" s="274"/>
      <c r="E588" s="274"/>
      <c r="F588" s="274"/>
      <c r="G588" s="274"/>
      <c r="H588" s="274"/>
      <c r="I588" s="274"/>
      <c r="J588" s="274"/>
      <c r="K588" s="274"/>
      <c r="L588" s="274"/>
      <c r="M588" s="274"/>
      <c r="N588" s="274"/>
      <c r="O588" s="274"/>
      <c r="P588" s="274"/>
      <c r="Q588" s="274"/>
      <c r="R588" s="274"/>
      <c r="S588" s="274"/>
      <c r="T588" s="274"/>
      <c r="U588" s="274"/>
      <c r="V588" s="274"/>
      <c r="W588" s="274"/>
      <c r="X588" s="274"/>
      <c r="Y588" s="274"/>
      <c r="Z588" s="274"/>
      <c r="AA588" s="274"/>
      <c r="AB588" s="274"/>
      <c r="AC588" s="274"/>
      <c r="AD588" s="274"/>
      <c r="AE588" s="274"/>
      <c r="AF588" s="274"/>
      <c r="AG588" s="274"/>
      <c r="AH588" s="274"/>
      <c r="AI588" s="274"/>
      <c r="AJ588" s="314"/>
      <c r="AK588" s="126"/>
      <c r="AL588" s="126"/>
    </row>
    <row r="589" spans="1:38" s="76" customFormat="1" ht="13.5" customHeight="1" thickBot="1"/>
    <row r="590" spans="1:38" s="76" customFormat="1" ht="13.5" customHeight="1" thickTop="1">
      <c r="A590" s="266">
        <v>63</v>
      </c>
      <c r="B590" s="302"/>
      <c r="C590" s="270" t="s">
        <v>540</v>
      </c>
      <c r="D590" s="271"/>
      <c r="E590" s="271"/>
      <c r="F590" s="271"/>
      <c r="G590" s="271"/>
      <c r="H590" s="271"/>
      <c r="I590" s="271"/>
      <c r="J590" s="271"/>
      <c r="K590" s="271"/>
      <c r="L590" s="271"/>
      <c r="M590" s="271"/>
      <c r="N590" s="271"/>
      <c r="O590" s="271"/>
      <c r="P590" s="271"/>
      <c r="Q590" s="271"/>
      <c r="R590" s="271"/>
      <c r="S590" s="271"/>
      <c r="T590" s="271"/>
      <c r="U590" s="271"/>
      <c r="V590" s="271"/>
      <c r="W590" s="271"/>
      <c r="X590" s="271"/>
      <c r="Y590" s="271"/>
      <c r="Z590" s="271"/>
      <c r="AA590" s="271"/>
      <c r="AB590" s="271"/>
      <c r="AC590" s="271"/>
      <c r="AD590" s="271"/>
      <c r="AE590" s="271"/>
      <c r="AF590" s="271"/>
      <c r="AG590" s="271"/>
      <c r="AH590" s="271"/>
      <c r="AI590" s="271"/>
      <c r="AJ590" s="279"/>
      <c r="AK590" s="275"/>
      <c r="AL590" s="276"/>
    </row>
    <row r="591" spans="1:38" s="76" customFormat="1" ht="13.5" customHeight="1" thickBot="1">
      <c r="A591" s="268"/>
      <c r="B591" s="303"/>
      <c r="C591" s="272"/>
      <c r="D591" s="281"/>
      <c r="E591" s="281"/>
      <c r="F591" s="281"/>
      <c r="G591" s="281"/>
      <c r="H591" s="281"/>
      <c r="I591" s="281"/>
      <c r="J591" s="281"/>
      <c r="K591" s="281"/>
      <c r="L591" s="281"/>
      <c r="M591" s="281"/>
      <c r="N591" s="281"/>
      <c r="O591" s="281"/>
      <c r="P591" s="281"/>
      <c r="Q591" s="281"/>
      <c r="R591" s="281"/>
      <c r="S591" s="281"/>
      <c r="T591" s="281"/>
      <c r="U591" s="281"/>
      <c r="V591" s="281"/>
      <c r="W591" s="281"/>
      <c r="X591" s="281"/>
      <c r="Y591" s="281"/>
      <c r="Z591" s="281"/>
      <c r="AA591" s="281"/>
      <c r="AB591" s="281"/>
      <c r="AC591" s="281"/>
      <c r="AD591" s="281"/>
      <c r="AE591" s="281"/>
      <c r="AF591" s="281"/>
      <c r="AG591" s="281"/>
      <c r="AH591" s="281"/>
      <c r="AI591" s="281"/>
      <c r="AJ591" s="312"/>
      <c r="AK591" s="277"/>
      <c r="AL591" s="278"/>
    </row>
    <row r="592" spans="1:38" s="76" customFormat="1" ht="13.5" customHeight="1" thickTop="1">
      <c r="A592" s="125"/>
      <c r="B592" s="125"/>
      <c r="C592" s="272"/>
      <c r="D592" s="281"/>
      <c r="E592" s="281"/>
      <c r="F592" s="281"/>
      <c r="G592" s="281"/>
      <c r="H592" s="281"/>
      <c r="I592" s="281"/>
      <c r="J592" s="281"/>
      <c r="K592" s="281"/>
      <c r="L592" s="281"/>
      <c r="M592" s="281"/>
      <c r="N592" s="281"/>
      <c r="O592" s="281"/>
      <c r="P592" s="281"/>
      <c r="Q592" s="281"/>
      <c r="R592" s="281"/>
      <c r="S592" s="281"/>
      <c r="T592" s="281"/>
      <c r="U592" s="281"/>
      <c r="V592" s="281"/>
      <c r="W592" s="281"/>
      <c r="X592" s="281"/>
      <c r="Y592" s="281"/>
      <c r="Z592" s="281"/>
      <c r="AA592" s="281"/>
      <c r="AB592" s="281"/>
      <c r="AC592" s="281"/>
      <c r="AD592" s="281"/>
      <c r="AE592" s="281"/>
      <c r="AF592" s="281"/>
      <c r="AG592" s="281"/>
      <c r="AH592" s="281"/>
      <c r="AI592" s="281"/>
      <c r="AJ592" s="281"/>
      <c r="AK592" s="130"/>
      <c r="AL592" s="126"/>
    </row>
    <row r="593" spans="1:38" s="76" customFormat="1" ht="13.5" customHeight="1">
      <c r="A593" s="125"/>
      <c r="B593" s="125"/>
      <c r="C593" s="273"/>
      <c r="D593" s="274"/>
      <c r="E593" s="274"/>
      <c r="F593" s="274"/>
      <c r="G593" s="274"/>
      <c r="H593" s="274"/>
      <c r="I593" s="274"/>
      <c r="J593" s="274"/>
      <c r="K593" s="274"/>
      <c r="L593" s="274"/>
      <c r="M593" s="274"/>
      <c r="N593" s="274"/>
      <c r="O593" s="274"/>
      <c r="P593" s="274"/>
      <c r="Q593" s="274"/>
      <c r="R593" s="274"/>
      <c r="S593" s="274"/>
      <c r="T593" s="274"/>
      <c r="U593" s="274"/>
      <c r="V593" s="274"/>
      <c r="W593" s="274"/>
      <c r="X593" s="274"/>
      <c r="Y593" s="274"/>
      <c r="Z593" s="274"/>
      <c r="AA593" s="274"/>
      <c r="AB593" s="274"/>
      <c r="AC593" s="274"/>
      <c r="AD593" s="274"/>
      <c r="AE593" s="274"/>
      <c r="AF593" s="274"/>
      <c r="AG593" s="274"/>
      <c r="AH593" s="274"/>
      <c r="AI593" s="274"/>
      <c r="AJ593" s="274"/>
      <c r="AK593" s="131"/>
      <c r="AL593" s="126"/>
    </row>
    <row r="594" spans="1:38" s="76" customFormat="1" ht="13.5" customHeight="1">
      <c r="A594" s="125"/>
      <c r="B594" s="125"/>
      <c r="C594" s="133"/>
      <c r="D594" s="133"/>
      <c r="E594" s="133"/>
      <c r="F594" s="133"/>
      <c r="G594" s="133"/>
      <c r="H594" s="133"/>
      <c r="I594" s="133"/>
      <c r="J594" s="133"/>
      <c r="K594" s="133"/>
      <c r="L594" s="133"/>
      <c r="M594" s="133"/>
      <c r="N594" s="133"/>
      <c r="O594" s="133"/>
      <c r="P594" s="133"/>
      <c r="Q594" s="133"/>
      <c r="R594" s="133"/>
      <c r="S594" s="133"/>
      <c r="T594" s="133"/>
      <c r="U594" s="133"/>
      <c r="V594" s="133"/>
      <c r="W594" s="133"/>
      <c r="X594" s="133"/>
      <c r="Y594" s="133"/>
      <c r="Z594" s="133"/>
      <c r="AA594" s="133"/>
      <c r="AB594" s="133"/>
      <c r="AC594" s="133"/>
      <c r="AD594" s="133"/>
      <c r="AE594" s="133"/>
      <c r="AF594" s="133"/>
      <c r="AG594" s="133"/>
      <c r="AH594" s="133"/>
      <c r="AI594" s="133"/>
      <c r="AJ594" s="133"/>
      <c r="AK594" s="126"/>
      <c r="AL594" s="126"/>
    </row>
    <row r="595" spans="1:38" s="76" customFormat="1" ht="13.5" customHeight="1" thickBot="1">
      <c r="A595" s="125"/>
      <c r="B595" s="125"/>
      <c r="C595" s="126" t="s">
        <v>120</v>
      </c>
      <c r="D595" s="133"/>
      <c r="E595" s="133"/>
      <c r="F595" s="133"/>
      <c r="G595" s="133"/>
      <c r="H595" s="133"/>
      <c r="I595" s="133"/>
      <c r="J595" s="133"/>
      <c r="K595" s="133"/>
      <c r="L595" s="133"/>
      <c r="M595" s="133"/>
      <c r="N595" s="133"/>
      <c r="O595" s="133"/>
      <c r="P595" s="133"/>
      <c r="Q595" s="133"/>
      <c r="R595" s="133"/>
      <c r="S595" s="133"/>
      <c r="T595" s="133"/>
      <c r="U595" s="133"/>
      <c r="V595" s="133"/>
      <c r="W595" s="133"/>
      <c r="X595" s="133"/>
      <c r="Y595" s="133"/>
      <c r="Z595" s="133"/>
      <c r="AA595" s="133"/>
      <c r="AB595" s="133"/>
      <c r="AC595" s="133"/>
      <c r="AD595" s="133"/>
      <c r="AE595" s="133"/>
      <c r="AF595" s="133"/>
      <c r="AG595" s="133"/>
      <c r="AH595" s="133"/>
      <c r="AI595" s="133"/>
      <c r="AJ595" s="133"/>
      <c r="AK595" s="126"/>
      <c r="AL595" s="126"/>
    </row>
    <row r="596" spans="1:38" s="76" customFormat="1" ht="13.5" customHeight="1" thickTop="1">
      <c r="A596" s="125"/>
      <c r="B596" s="125"/>
      <c r="C596" s="306" t="s">
        <v>261</v>
      </c>
      <c r="D596" s="262"/>
      <c r="E596" s="262"/>
      <c r="F596" s="262"/>
      <c r="G596" s="262"/>
      <c r="H596" s="262"/>
      <c r="I596" s="262"/>
      <c r="J596" s="262"/>
      <c r="K596" s="262"/>
      <c r="L596" s="262"/>
      <c r="M596" s="262"/>
      <c r="N596" s="262"/>
      <c r="O596" s="262"/>
      <c r="P596" s="262"/>
      <c r="Q596" s="262"/>
      <c r="R596" s="262"/>
      <c r="S596" s="262"/>
      <c r="T596" s="262"/>
      <c r="U596" s="262"/>
      <c r="V596" s="262"/>
      <c r="W596" s="262"/>
      <c r="X596" s="262"/>
      <c r="Y596" s="262"/>
      <c r="Z596" s="262"/>
      <c r="AA596" s="262"/>
      <c r="AB596" s="262"/>
      <c r="AC596" s="262"/>
      <c r="AD596" s="262"/>
      <c r="AE596" s="262"/>
      <c r="AF596" s="262"/>
      <c r="AG596" s="262"/>
      <c r="AH596" s="262"/>
      <c r="AI596" s="262"/>
      <c r="AJ596" s="379"/>
      <c r="AK596" s="275"/>
      <c r="AL596" s="276"/>
    </row>
    <row r="597" spans="1:38" s="76" customFormat="1" ht="13.5" customHeight="1" thickBot="1">
      <c r="A597" s="125"/>
      <c r="B597" s="125"/>
      <c r="C597" s="308"/>
      <c r="D597" s="284"/>
      <c r="E597" s="284"/>
      <c r="F597" s="284"/>
      <c r="G597" s="284"/>
      <c r="H597" s="284"/>
      <c r="I597" s="284"/>
      <c r="J597" s="284"/>
      <c r="K597" s="284"/>
      <c r="L597" s="284"/>
      <c r="M597" s="284"/>
      <c r="N597" s="284"/>
      <c r="O597" s="284"/>
      <c r="P597" s="284"/>
      <c r="Q597" s="284"/>
      <c r="R597" s="284"/>
      <c r="S597" s="284"/>
      <c r="T597" s="284"/>
      <c r="U597" s="284"/>
      <c r="V597" s="284"/>
      <c r="W597" s="284"/>
      <c r="X597" s="284"/>
      <c r="Y597" s="284"/>
      <c r="Z597" s="284"/>
      <c r="AA597" s="284"/>
      <c r="AB597" s="284"/>
      <c r="AC597" s="284"/>
      <c r="AD597" s="284"/>
      <c r="AE597" s="284"/>
      <c r="AF597" s="284"/>
      <c r="AG597" s="284"/>
      <c r="AH597" s="284"/>
      <c r="AI597" s="284"/>
      <c r="AJ597" s="313"/>
      <c r="AK597" s="277"/>
      <c r="AL597" s="278"/>
    </row>
    <row r="598" spans="1:38" s="76" customFormat="1" ht="13.5" customHeight="1" thickTop="1">
      <c r="A598" s="125"/>
      <c r="B598" s="125"/>
      <c r="C598" s="306" t="s">
        <v>286</v>
      </c>
      <c r="D598" s="262"/>
      <c r="E598" s="262"/>
      <c r="F598" s="262"/>
      <c r="G598" s="262"/>
      <c r="H598" s="262"/>
      <c r="I598" s="262"/>
      <c r="J598" s="262"/>
      <c r="K598" s="262"/>
      <c r="L598" s="262"/>
      <c r="M598" s="262"/>
      <c r="N598" s="262"/>
      <c r="O598" s="262"/>
      <c r="P598" s="262"/>
      <c r="Q598" s="262"/>
      <c r="R598" s="262"/>
      <c r="S598" s="262"/>
      <c r="T598" s="262"/>
      <c r="U598" s="262"/>
      <c r="V598" s="262"/>
      <c r="W598" s="262"/>
      <c r="X598" s="262"/>
      <c r="Y598" s="262"/>
      <c r="Z598" s="262"/>
      <c r="AA598" s="262"/>
      <c r="AB598" s="262"/>
      <c r="AC598" s="262"/>
      <c r="AD598" s="262"/>
      <c r="AE598" s="262"/>
      <c r="AF598" s="262"/>
      <c r="AG598" s="262"/>
      <c r="AH598" s="262"/>
      <c r="AI598" s="262"/>
      <c r="AJ598" s="379"/>
      <c r="AK598" s="275"/>
      <c r="AL598" s="276"/>
    </row>
    <row r="599" spans="1:38" s="76" customFormat="1" ht="13.5" customHeight="1" thickBot="1">
      <c r="A599" s="125"/>
      <c r="B599" s="125"/>
      <c r="C599" s="308"/>
      <c r="D599" s="284"/>
      <c r="E599" s="284"/>
      <c r="F599" s="284"/>
      <c r="G599" s="284"/>
      <c r="H599" s="284"/>
      <c r="I599" s="284"/>
      <c r="J599" s="284"/>
      <c r="K599" s="284"/>
      <c r="L599" s="284"/>
      <c r="M599" s="284"/>
      <c r="N599" s="284"/>
      <c r="O599" s="284"/>
      <c r="P599" s="284"/>
      <c r="Q599" s="284"/>
      <c r="R599" s="284"/>
      <c r="S599" s="284"/>
      <c r="T599" s="284"/>
      <c r="U599" s="284"/>
      <c r="V599" s="284"/>
      <c r="W599" s="284"/>
      <c r="X599" s="284"/>
      <c r="Y599" s="284"/>
      <c r="Z599" s="284"/>
      <c r="AA599" s="284"/>
      <c r="AB599" s="284"/>
      <c r="AC599" s="284"/>
      <c r="AD599" s="284"/>
      <c r="AE599" s="284"/>
      <c r="AF599" s="284"/>
      <c r="AG599" s="284"/>
      <c r="AH599" s="284"/>
      <c r="AI599" s="284"/>
      <c r="AJ599" s="313"/>
      <c r="AK599" s="277"/>
      <c r="AL599" s="278"/>
    </row>
    <row r="600" spans="1:38" s="76" customFormat="1" ht="9.75" customHeight="1" thickTop="1" thickBot="1"/>
    <row r="601" spans="1:38" s="76" customFormat="1" ht="13.5" customHeight="1" thickTop="1">
      <c r="A601" s="266">
        <v>64</v>
      </c>
      <c r="B601" s="302"/>
      <c r="C601" s="270" t="s">
        <v>541</v>
      </c>
      <c r="D601" s="271"/>
      <c r="E601" s="271"/>
      <c r="F601" s="271"/>
      <c r="G601" s="271"/>
      <c r="H601" s="271"/>
      <c r="I601" s="271"/>
      <c r="J601" s="271"/>
      <c r="K601" s="271"/>
      <c r="L601" s="271"/>
      <c r="M601" s="271"/>
      <c r="N601" s="271"/>
      <c r="O601" s="271"/>
      <c r="P601" s="271"/>
      <c r="Q601" s="271"/>
      <c r="R601" s="271"/>
      <c r="S601" s="271"/>
      <c r="T601" s="271"/>
      <c r="U601" s="271"/>
      <c r="V601" s="271"/>
      <c r="W601" s="271"/>
      <c r="X601" s="271"/>
      <c r="Y601" s="271"/>
      <c r="Z601" s="271"/>
      <c r="AA601" s="271"/>
      <c r="AB601" s="271"/>
      <c r="AC601" s="271"/>
      <c r="AD601" s="271"/>
      <c r="AE601" s="271"/>
      <c r="AF601" s="271"/>
      <c r="AG601" s="271"/>
      <c r="AH601" s="271"/>
      <c r="AI601" s="271"/>
      <c r="AJ601" s="279"/>
      <c r="AK601" s="275"/>
      <c r="AL601" s="276"/>
    </row>
    <row r="602" spans="1:38" s="76" customFormat="1" ht="13.5" customHeight="1" thickBot="1">
      <c r="A602" s="268"/>
      <c r="B602" s="303"/>
      <c r="C602" s="273"/>
      <c r="D602" s="274"/>
      <c r="E602" s="274"/>
      <c r="F602" s="274"/>
      <c r="G602" s="274"/>
      <c r="H602" s="274"/>
      <c r="I602" s="274"/>
      <c r="J602" s="274"/>
      <c r="K602" s="274"/>
      <c r="L602" s="274"/>
      <c r="M602" s="274"/>
      <c r="N602" s="274"/>
      <c r="O602" s="274"/>
      <c r="P602" s="274"/>
      <c r="Q602" s="274"/>
      <c r="R602" s="274"/>
      <c r="S602" s="274"/>
      <c r="T602" s="274"/>
      <c r="U602" s="274"/>
      <c r="V602" s="274"/>
      <c r="W602" s="274"/>
      <c r="X602" s="274"/>
      <c r="Y602" s="274"/>
      <c r="Z602" s="274"/>
      <c r="AA602" s="274"/>
      <c r="AB602" s="274"/>
      <c r="AC602" s="274"/>
      <c r="AD602" s="274"/>
      <c r="AE602" s="274"/>
      <c r="AF602" s="274"/>
      <c r="AG602" s="274"/>
      <c r="AH602" s="274"/>
      <c r="AI602" s="274"/>
      <c r="AJ602" s="280"/>
      <c r="AK602" s="277"/>
      <c r="AL602" s="278"/>
    </row>
    <row r="603" spans="1:38" s="76" customFormat="1" ht="11.25" customHeight="1" thickTop="1"/>
    <row r="604" spans="1:38" s="76" customFormat="1" ht="13.5" customHeight="1">
      <c r="A604" s="127" t="s">
        <v>121</v>
      </c>
    </row>
    <row r="605" spans="1:38" s="76" customFormat="1" ht="13.5" customHeight="1">
      <c r="A605" s="129" t="s">
        <v>227</v>
      </c>
    </row>
    <row r="606" spans="1:38" s="76" customFormat="1" ht="13.5" customHeight="1">
      <c r="A606" s="266">
        <v>65</v>
      </c>
      <c r="B606" s="302"/>
      <c r="C606" s="248" t="s">
        <v>542</v>
      </c>
      <c r="D606" s="249"/>
      <c r="E606" s="249"/>
      <c r="F606" s="249"/>
      <c r="G606" s="249"/>
      <c r="H606" s="249"/>
      <c r="I606" s="249"/>
      <c r="J606" s="249"/>
      <c r="K606" s="249"/>
      <c r="L606" s="249"/>
      <c r="M606" s="249"/>
      <c r="N606" s="249"/>
      <c r="O606" s="249"/>
      <c r="P606" s="249"/>
      <c r="Q606" s="249"/>
      <c r="R606" s="249"/>
      <c r="S606" s="249"/>
      <c r="T606" s="249"/>
      <c r="U606" s="249"/>
      <c r="V606" s="249"/>
      <c r="W606" s="249"/>
      <c r="X606" s="249"/>
      <c r="Y606" s="249"/>
      <c r="Z606" s="249"/>
      <c r="AA606" s="249"/>
      <c r="AB606" s="249"/>
      <c r="AC606" s="249"/>
      <c r="AD606" s="249"/>
      <c r="AE606" s="249"/>
      <c r="AF606" s="249"/>
      <c r="AG606" s="249"/>
      <c r="AH606" s="249"/>
      <c r="AI606" s="249"/>
      <c r="AJ606" s="474"/>
      <c r="AK606" s="126"/>
      <c r="AL606" s="126"/>
    </row>
    <row r="607" spans="1:38" s="76" customFormat="1" ht="13.5" customHeight="1">
      <c r="A607" s="268"/>
      <c r="B607" s="303"/>
      <c r="C607" s="250"/>
      <c r="D607" s="251"/>
      <c r="E607" s="251"/>
      <c r="F607" s="251"/>
      <c r="G607" s="251"/>
      <c r="H607" s="251"/>
      <c r="I607" s="251"/>
      <c r="J607" s="251"/>
      <c r="K607" s="251"/>
      <c r="L607" s="251"/>
      <c r="M607" s="251"/>
      <c r="N607" s="251"/>
      <c r="O607" s="251"/>
      <c r="P607" s="251"/>
      <c r="Q607" s="251"/>
      <c r="R607" s="251"/>
      <c r="S607" s="251"/>
      <c r="T607" s="251"/>
      <c r="U607" s="251"/>
      <c r="V607" s="251"/>
      <c r="W607" s="251"/>
      <c r="X607" s="251"/>
      <c r="Y607" s="251"/>
      <c r="Z607" s="251"/>
      <c r="AA607" s="251"/>
      <c r="AB607" s="251"/>
      <c r="AC607" s="251"/>
      <c r="AD607" s="251"/>
      <c r="AE607" s="251"/>
      <c r="AF607" s="251"/>
      <c r="AG607" s="251"/>
      <c r="AH607" s="251"/>
      <c r="AI607" s="251"/>
      <c r="AJ607" s="475"/>
      <c r="AK607" s="126"/>
      <c r="AL607" s="126"/>
    </row>
    <row r="608" spans="1:38" s="76" customFormat="1" ht="13.5" customHeight="1">
      <c r="A608" s="125"/>
      <c r="B608" s="125"/>
      <c r="C608" s="252"/>
      <c r="D608" s="253"/>
      <c r="E608" s="253"/>
      <c r="F608" s="253"/>
      <c r="G608" s="253"/>
      <c r="H608" s="253"/>
      <c r="I608" s="253"/>
      <c r="J608" s="253"/>
      <c r="K608" s="253"/>
      <c r="L608" s="253"/>
      <c r="M608" s="253"/>
      <c r="N608" s="253"/>
      <c r="O608" s="253"/>
      <c r="P608" s="253"/>
      <c r="Q608" s="253"/>
      <c r="R608" s="253"/>
      <c r="S608" s="253"/>
      <c r="T608" s="253"/>
      <c r="U608" s="253"/>
      <c r="V608" s="253"/>
      <c r="W608" s="253"/>
      <c r="X608" s="253"/>
      <c r="Y608" s="253"/>
      <c r="Z608" s="253"/>
      <c r="AA608" s="253"/>
      <c r="AB608" s="253"/>
      <c r="AC608" s="253"/>
      <c r="AD608" s="253"/>
      <c r="AE608" s="253"/>
      <c r="AF608" s="253"/>
      <c r="AG608" s="253"/>
      <c r="AH608" s="253"/>
      <c r="AI608" s="253"/>
      <c r="AJ608" s="254"/>
      <c r="AK608" s="126"/>
      <c r="AL608" s="126"/>
    </row>
    <row r="609" spans="1:38" s="76" customFormat="1" ht="13.5" customHeight="1">
      <c r="A609" s="125"/>
      <c r="B609" s="125"/>
      <c r="C609" s="133"/>
      <c r="D609" s="133"/>
      <c r="E609" s="133"/>
      <c r="F609" s="133"/>
      <c r="G609" s="133"/>
      <c r="H609" s="133"/>
      <c r="I609" s="133"/>
      <c r="J609" s="133"/>
      <c r="K609" s="133"/>
      <c r="L609" s="133"/>
      <c r="M609" s="133"/>
      <c r="N609" s="133"/>
      <c r="O609" s="133"/>
      <c r="P609" s="133"/>
      <c r="Q609" s="133"/>
      <c r="R609" s="133"/>
      <c r="S609" s="133"/>
      <c r="T609" s="133"/>
      <c r="U609" s="133"/>
      <c r="V609" s="133"/>
      <c r="W609" s="133"/>
      <c r="X609" s="133"/>
      <c r="Y609" s="133"/>
      <c r="Z609" s="133"/>
      <c r="AA609" s="133"/>
      <c r="AB609" s="133"/>
      <c r="AC609" s="133"/>
      <c r="AD609" s="133"/>
      <c r="AE609" s="133"/>
      <c r="AF609" s="133"/>
      <c r="AG609" s="133"/>
      <c r="AH609" s="133"/>
      <c r="AI609" s="133"/>
      <c r="AJ609" s="133"/>
      <c r="AK609" s="126"/>
      <c r="AL609" s="126"/>
    </row>
    <row r="610" spans="1:38" s="76" customFormat="1" ht="13.5" customHeight="1" thickBot="1">
      <c r="A610" s="125"/>
      <c r="B610" s="125"/>
      <c r="C610" s="126" t="s">
        <v>122</v>
      </c>
      <c r="D610" s="133"/>
      <c r="E610" s="133"/>
      <c r="F610" s="133"/>
      <c r="G610" s="133"/>
      <c r="H610" s="133"/>
      <c r="I610" s="133"/>
      <c r="J610" s="133"/>
      <c r="K610" s="133"/>
      <c r="L610" s="133"/>
      <c r="M610" s="133"/>
      <c r="N610" s="133"/>
      <c r="O610" s="133"/>
      <c r="P610" s="133"/>
      <c r="Q610" s="133"/>
      <c r="R610" s="133"/>
      <c r="S610" s="133"/>
      <c r="T610" s="133"/>
      <c r="U610" s="133"/>
      <c r="V610" s="133"/>
      <c r="W610" s="133"/>
      <c r="X610" s="133"/>
      <c r="Y610" s="133"/>
      <c r="Z610" s="133"/>
      <c r="AA610" s="133"/>
      <c r="AB610" s="133"/>
      <c r="AC610" s="133"/>
      <c r="AD610" s="133"/>
      <c r="AE610" s="133"/>
      <c r="AF610" s="133"/>
      <c r="AG610" s="133"/>
      <c r="AH610" s="133"/>
      <c r="AI610" s="133"/>
      <c r="AJ610" s="133"/>
      <c r="AK610" s="126"/>
      <c r="AL610" s="126"/>
    </row>
    <row r="611" spans="1:38" s="76" customFormat="1" ht="13.5" customHeight="1" thickTop="1">
      <c r="A611" s="125"/>
      <c r="B611" s="125"/>
      <c r="C611" s="306" t="s">
        <v>287</v>
      </c>
      <c r="D611" s="262"/>
      <c r="E611" s="262"/>
      <c r="F611" s="262"/>
      <c r="G611" s="262"/>
      <c r="H611" s="262"/>
      <c r="I611" s="262"/>
      <c r="J611" s="262"/>
      <c r="K611" s="262"/>
      <c r="L611" s="262"/>
      <c r="M611" s="262"/>
      <c r="N611" s="262"/>
      <c r="O611" s="262"/>
      <c r="P611" s="262"/>
      <c r="Q611" s="262"/>
      <c r="R611" s="262"/>
      <c r="S611" s="262"/>
      <c r="T611" s="262"/>
      <c r="U611" s="262"/>
      <c r="V611" s="262"/>
      <c r="W611" s="262"/>
      <c r="X611" s="262"/>
      <c r="Y611" s="262"/>
      <c r="Z611" s="262"/>
      <c r="AA611" s="262"/>
      <c r="AB611" s="262"/>
      <c r="AC611" s="262"/>
      <c r="AD611" s="262"/>
      <c r="AE611" s="262"/>
      <c r="AF611" s="262"/>
      <c r="AG611" s="262"/>
      <c r="AH611" s="262"/>
      <c r="AI611" s="262"/>
      <c r="AJ611" s="311"/>
      <c r="AK611" s="275"/>
      <c r="AL611" s="276"/>
    </row>
    <row r="612" spans="1:38" s="76" customFormat="1" ht="13.5" customHeight="1" thickBot="1">
      <c r="A612" s="125"/>
      <c r="B612" s="125"/>
      <c r="C612" s="307"/>
      <c r="D612" s="281"/>
      <c r="E612" s="281"/>
      <c r="F612" s="281"/>
      <c r="G612" s="281"/>
      <c r="H612" s="281"/>
      <c r="I612" s="281"/>
      <c r="J612" s="281"/>
      <c r="K612" s="281"/>
      <c r="L612" s="281"/>
      <c r="M612" s="281"/>
      <c r="N612" s="281"/>
      <c r="O612" s="281"/>
      <c r="P612" s="281"/>
      <c r="Q612" s="281"/>
      <c r="R612" s="281"/>
      <c r="S612" s="281"/>
      <c r="T612" s="281"/>
      <c r="U612" s="281"/>
      <c r="V612" s="281"/>
      <c r="W612" s="281"/>
      <c r="X612" s="281"/>
      <c r="Y612" s="281"/>
      <c r="Z612" s="281"/>
      <c r="AA612" s="281"/>
      <c r="AB612" s="281"/>
      <c r="AC612" s="281"/>
      <c r="AD612" s="281"/>
      <c r="AE612" s="281"/>
      <c r="AF612" s="281"/>
      <c r="AG612" s="281"/>
      <c r="AH612" s="281"/>
      <c r="AI612" s="281"/>
      <c r="AJ612" s="312"/>
      <c r="AK612" s="277"/>
      <c r="AL612" s="278"/>
    </row>
    <row r="613" spans="1:38" s="76" customFormat="1" ht="13.5" customHeight="1" thickTop="1" thickBot="1">
      <c r="A613" s="125"/>
      <c r="B613" s="125"/>
      <c r="C613" s="307"/>
      <c r="D613" s="281"/>
      <c r="E613" s="281"/>
      <c r="F613" s="281"/>
      <c r="G613" s="281"/>
      <c r="H613" s="281"/>
      <c r="I613" s="281"/>
      <c r="J613" s="281"/>
      <c r="K613" s="281"/>
      <c r="L613" s="281"/>
      <c r="M613" s="281"/>
      <c r="N613" s="281"/>
      <c r="O613" s="281"/>
      <c r="P613" s="281"/>
      <c r="Q613" s="281"/>
      <c r="R613" s="281"/>
      <c r="S613" s="281"/>
      <c r="T613" s="281"/>
      <c r="U613" s="281"/>
      <c r="V613" s="281"/>
      <c r="W613" s="281"/>
      <c r="X613" s="281"/>
      <c r="Y613" s="281"/>
      <c r="Z613" s="281"/>
      <c r="AA613" s="281"/>
      <c r="AB613" s="281"/>
      <c r="AC613" s="281"/>
      <c r="AD613" s="281"/>
      <c r="AE613" s="281"/>
      <c r="AF613" s="281"/>
      <c r="AG613" s="281"/>
      <c r="AH613" s="281"/>
      <c r="AI613" s="281"/>
      <c r="AJ613" s="281"/>
      <c r="AK613" s="169"/>
      <c r="AL613" s="126"/>
    </row>
    <row r="614" spans="1:38" s="76" customFormat="1" ht="13.5" customHeight="1" thickTop="1">
      <c r="A614" s="125"/>
      <c r="B614" s="125"/>
      <c r="C614" s="306" t="s">
        <v>684</v>
      </c>
      <c r="D614" s="262"/>
      <c r="E614" s="262"/>
      <c r="F614" s="262"/>
      <c r="G614" s="262"/>
      <c r="H614" s="262"/>
      <c r="I614" s="262"/>
      <c r="J614" s="262"/>
      <c r="K614" s="262"/>
      <c r="L614" s="262"/>
      <c r="M614" s="262"/>
      <c r="N614" s="262"/>
      <c r="O614" s="262"/>
      <c r="P614" s="262"/>
      <c r="Q614" s="262"/>
      <c r="R614" s="262"/>
      <c r="S614" s="262"/>
      <c r="T614" s="262"/>
      <c r="U614" s="262"/>
      <c r="V614" s="262"/>
      <c r="W614" s="262"/>
      <c r="X614" s="262"/>
      <c r="Y614" s="262"/>
      <c r="Z614" s="262"/>
      <c r="AA614" s="262"/>
      <c r="AB614" s="262"/>
      <c r="AC614" s="262"/>
      <c r="AD614" s="262"/>
      <c r="AE614" s="262"/>
      <c r="AF614" s="262"/>
      <c r="AG614" s="262"/>
      <c r="AH614" s="262"/>
      <c r="AI614" s="262"/>
      <c r="AJ614" s="379"/>
      <c r="AK614" s="275"/>
      <c r="AL614" s="276"/>
    </row>
    <row r="615" spans="1:38" s="76" customFormat="1" ht="13.5" customHeight="1" thickBot="1">
      <c r="A615" s="125"/>
      <c r="B615" s="125"/>
      <c r="C615" s="307"/>
      <c r="D615" s="281"/>
      <c r="E615" s="281"/>
      <c r="F615" s="281"/>
      <c r="G615" s="281"/>
      <c r="H615" s="281"/>
      <c r="I615" s="281"/>
      <c r="J615" s="281"/>
      <c r="K615" s="281"/>
      <c r="L615" s="281"/>
      <c r="M615" s="281"/>
      <c r="N615" s="281"/>
      <c r="O615" s="281"/>
      <c r="P615" s="281"/>
      <c r="Q615" s="281"/>
      <c r="R615" s="281"/>
      <c r="S615" s="281"/>
      <c r="T615" s="281"/>
      <c r="U615" s="281"/>
      <c r="V615" s="281"/>
      <c r="W615" s="281"/>
      <c r="X615" s="281"/>
      <c r="Y615" s="281"/>
      <c r="Z615" s="281"/>
      <c r="AA615" s="281"/>
      <c r="AB615" s="281"/>
      <c r="AC615" s="281"/>
      <c r="AD615" s="281"/>
      <c r="AE615" s="281"/>
      <c r="AF615" s="281"/>
      <c r="AG615" s="281"/>
      <c r="AH615" s="281"/>
      <c r="AI615" s="281"/>
      <c r="AJ615" s="380"/>
      <c r="AK615" s="277"/>
      <c r="AL615" s="278"/>
    </row>
    <row r="616" spans="1:38" s="76" customFormat="1" ht="13.5" customHeight="1" thickTop="1">
      <c r="A616" s="125"/>
      <c r="B616" s="125"/>
      <c r="C616" s="306" t="s">
        <v>288</v>
      </c>
      <c r="D616" s="262"/>
      <c r="E616" s="262"/>
      <c r="F616" s="262"/>
      <c r="G616" s="262"/>
      <c r="H616" s="262"/>
      <c r="I616" s="262"/>
      <c r="J616" s="262"/>
      <c r="K616" s="262"/>
      <c r="L616" s="262"/>
      <c r="M616" s="262"/>
      <c r="N616" s="262"/>
      <c r="O616" s="262"/>
      <c r="P616" s="262"/>
      <c r="Q616" s="262"/>
      <c r="R616" s="262"/>
      <c r="S616" s="262"/>
      <c r="T616" s="262"/>
      <c r="U616" s="262"/>
      <c r="V616" s="262"/>
      <c r="W616" s="262"/>
      <c r="X616" s="262"/>
      <c r="Y616" s="262"/>
      <c r="Z616" s="262"/>
      <c r="AA616" s="262"/>
      <c r="AB616" s="262"/>
      <c r="AC616" s="262"/>
      <c r="AD616" s="262"/>
      <c r="AE616" s="262"/>
      <c r="AF616" s="262"/>
      <c r="AG616" s="262"/>
      <c r="AH616" s="262"/>
      <c r="AI616" s="262"/>
      <c r="AJ616" s="379"/>
      <c r="AK616" s="466"/>
      <c r="AL616" s="467"/>
    </row>
    <row r="617" spans="1:38" s="76" customFormat="1" ht="13.5" customHeight="1" thickBot="1">
      <c r="A617" s="125"/>
      <c r="B617" s="125"/>
      <c r="C617" s="308"/>
      <c r="D617" s="284"/>
      <c r="E617" s="284"/>
      <c r="F617" s="284"/>
      <c r="G617" s="284"/>
      <c r="H617" s="284"/>
      <c r="I617" s="284"/>
      <c r="J617" s="284"/>
      <c r="K617" s="284"/>
      <c r="L617" s="284"/>
      <c r="M617" s="284"/>
      <c r="N617" s="284"/>
      <c r="O617" s="284"/>
      <c r="P617" s="284"/>
      <c r="Q617" s="284"/>
      <c r="R617" s="284"/>
      <c r="S617" s="284"/>
      <c r="T617" s="284"/>
      <c r="U617" s="284"/>
      <c r="V617" s="284"/>
      <c r="W617" s="284"/>
      <c r="X617" s="284"/>
      <c r="Y617" s="284"/>
      <c r="Z617" s="284"/>
      <c r="AA617" s="284"/>
      <c r="AB617" s="284"/>
      <c r="AC617" s="284"/>
      <c r="AD617" s="284"/>
      <c r="AE617" s="284"/>
      <c r="AF617" s="284"/>
      <c r="AG617" s="284"/>
      <c r="AH617" s="284"/>
      <c r="AI617" s="284"/>
      <c r="AJ617" s="313"/>
      <c r="AK617" s="470"/>
      <c r="AL617" s="471"/>
    </row>
    <row r="618" spans="1:38" s="76" customFormat="1" ht="13.5" customHeight="1" thickTop="1">
      <c r="A618" s="125"/>
      <c r="B618" s="125"/>
      <c r="C618" s="133"/>
      <c r="D618" s="133"/>
      <c r="E618" s="133"/>
      <c r="F618" s="133"/>
      <c r="G618" s="133"/>
      <c r="H618" s="133"/>
      <c r="I618" s="133"/>
      <c r="J618" s="133"/>
      <c r="K618" s="133"/>
      <c r="L618" s="133"/>
      <c r="M618" s="133"/>
      <c r="N618" s="133"/>
      <c r="O618" s="133"/>
      <c r="P618" s="133"/>
      <c r="Q618" s="133"/>
      <c r="R618" s="133"/>
      <c r="S618" s="133"/>
      <c r="T618" s="133"/>
      <c r="U618" s="133"/>
      <c r="V618" s="133"/>
      <c r="W618" s="133"/>
      <c r="X618" s="133"/>
      <c r="Y618" s="133"/>
      <c r="Z618" s="133"/>
      <c r="AA618" s="133"/>
      <c r="AB618" s="133"/>
      <c r="AC618" s="133"/>
      <c r="AD618" s="133"/>
      <c r="AE618" s="133"/>
      <c r="AF618" s="133"/>
      <c r="AG618" s="133"/>
      <c r="AH618" s="133"/>
      <c r="AI618" s="133"/>
      <c r="AJ618" s="133"/>
      <c r="AK618" s="126"/>
      <c r="AL618" s="126"/>
    </row>
    <row r="619" spans="1:38" s="76" customFormat="1" ht="13.5" customHeight="1">
      <c r="A619" s="163" t="s">
        <v>123</v>
      </c>
      <c r="B619" s="163"/>
      <c r="C619" s="163"/>
      <c r="D619" s="163"/>
      <c r="E619" s="163"/>
      <c r="F619" s="163"/>
      <c r="G619" s="163"/>
      <c r="H619" s="163"/>
      <c r="I619" s="163"/>
      <c r="J619" s="163"/>
      <c r="K619" s="163"/>
      <c r="L619" s="133"/>
      <c r="M619" s="133"/>
      <c r="N619" s="133"/>
      <c r="O619" s="133"/>
      <c r="P619" s="133"/>
      <c r="Q619" s="133"/>
      <c r="R619" s="133"/>
      <c r="S619" s="133"/>
      <c r="T619" s="133"/>
      <c r="U619" s="133"/>
      <c r="V619" s="133"/>
      <c r="W619" s="133"/>
      <c r="X619" s="133"/>
      <c r="Y619" s="133"/>
      <c r="Z619" s="133"/>
      <c r="AA619" s="133"/>
      <c r="AB619" s="133"/>
      <c r="AC619" s="133"/>
      <c r="AD619" s="133"/>
      <c r="AE619" s="133"/>
      <c r="AF619" s="133"/>
      <c r="AG619" s="133"/>
      <c r="AH619" s="133"/>
      <c r="AI619" s="133"/>
      <c r="AJ619" s="133"/>
      <c r="AK619" s="126"/>
      <c r="AL619" s="126"/>
    </row>
    <row r="620" spans="1:38" s="76" customFormat="1" ht="13.5" customHeight="1" thickBot="1">
      <c r="A620" s="129" t="s">
        <v>228</v>
      </c>
      <c r="B620" s="163"/>
      <c r="C620" s="163"/>
      <c r="D620" s="163"/>
      <c r="E620" s="163"/>
      <c r="F620" s="163"/>
      <c r="G620" s="163"/>
      <c r="H620" s="163"/>
      <c r="I620" s="163"/>
      <c r="J620" s="163"/>
      <c r="K620" s="163"/>
      <c r="L620" s="133"/>
      <c r="M620" s="133"/>
      <c r="N620" s="133"/>
      <c r="O620" s="133"/>
      <c r="P620" s="133"/>
      <c r="Q620" s="133"/>
      <c r="R620" s="133"/>
      <c r="S620" s="133"/>
      <c r="T620" s="133"/>
      <c r="U620" s="133"/>
      <c r="V620" s="133"/>
      <c r="W620" s="133"/>
      <c r="X620" s="133"/>
      <c r="Y620" s="133"/>
      <c r="Z620" s="133"/>
      <c r="AA620" s="133"/>
      <c r="AB620" s="133"/>
      <c r="AC620" s="133"/>
      <c r="AD620" s="133"/>
      <c r="AE620" s="133"/>
      <c r="AF620" s="133"/>
      <c r="AG620" s="133"/>
      <c r="AH620" s="133"/>
      <c r="AI620" s="133"/>
      <c r="AJ620" s="133"/>
      <c r="AK620" s="126"/>
      <c r="AL620" s="126"/>
    </row>
    <row r="621" spans="1:38" s="76" customFormat="1" ht="13.5" customHeight="1" thickTop="1">
      <c r="A621" s="266">
        <v>66</v>
      </c>
      <c r="B621" s="302"/>
      <c r="C621" s="270" t="s">
        <v>543</v>
      </c>
      <c r="D621" s="271"/>
      <c r="E621" s="271"/>
      <c r="F621" s="271"/>
      <c r="G621" s="271"/>
      <c r="H621" s="271"/>
      <c r="I621" s="271"/>
      <c r="J621" s="271"/>
      <c r="K621" s="271"/>
      <c r="L621" s="271"/>
      <c r="M621" s="271"/>
      <c r="N621" s="271"/>
      <c r="O621" s="271"/>
      <c r="P621" s="271"/>
      <c r="Q621" s="271"/>
      <c r="R621" s="271"/>
      <c r="S621" s="271"/>
      <c r="T621" s="271"/>
      <c r="U621" s="271"/>
      <c r="V621" s="271"/>
      <c r="W621" s="271"/>
      <c r="X621" s="271"/>
      <c r="Y621" s="271"/>
      <c r="Z621" s="271"/>
      <c r="AA621" s="271"/>
      <c r="AB621" s="271"/>
      <c r="AC621" s="271"/>
      <c r="AD621" s="271"/>
      <c r="AE621" s="271"/>
      <c r="AF621" s="271"/>
      <c r="AG621" s="271"/>
      <c r="AH621" s="271"/>
      <c r="AI621" s="271"/>
      <c r="AJ621" s="279"/>
      <c r="AK621" s="275"/>
      <c r="AL621" s="276"/>
    </row>
    <row r="622" spans="1:38" s="76" customFormat="1" ht="13.5" customHeight="1" thickBot="1">
      <c r="A622" s="268"/>
      <c r="B622" s="303"/>
      <c r="C622" s="272"/>
      <c r="D622" s="281"/>
      <c r="E622" s="281"/>
      <c r="F622" s="281"/>
      <c r="G622" s="281"/>
      <c r="H622" s="281"/>
      <c r="I622" s="281"/>
      <c r="J622" s="281"/>
      <c r="K622" s="281"/>
      <c r="L622" s="281"/>
      <c r="M622" s="281"/>
      <c r="N622" s="281"/>
      <c r="O622" s="281"/>
      <c r="P622" s="281"/>
      <c r="Q622" s="281"/>
      <c r="R622" s="281"/>
      <c r="S622" s="281"/>
      <c r="T622" s="281"/>
      <c r="U622" s="281"/>
      <c r="V622" s="281"/>
      <c r="W622" s="281"/>
      <c r="X622" s="281"/>
      <c r="Y622" s="281"/>
      <c r="Z622" s="281"/>
      <c r="AA622" s="281"/>
      <c r="AB622" s="281"/>
      <c r="AC622" s="281"/>
      <c r="AD622" s="281"/>
      <c r="AE622" s="281"/>
      <c r="AF622" s="281"/>
      <c r="AG622" s="281"/>
      <c r="AH622" s="281"/>
      <c r="AI622" s="281"/>
      <c r="AJ622" s="312"/>
      <c r="AK622" s="277"/>
      <c r="AL622" s="278"/>
    </row>
    <row r="623" spans="1:38" s="76" customFormat="1" ht="13.5" customHeight="1" thickTop="1">
      <c r="A623" s="125"/>
      <c r="B623" s="125"/>
      <c r="C623" s="272"/>
      <c r="D623" s="281"/>
      <c r="E623" s="281"/>
      <c r="F623" s="281"/>
      <c r="G623" s="281"/>
      <c r="H623" s="281"/>
      <c r="I623" s="281"/>
      <c r="J623" s="281"/>
      <c r="K623" s="281"/>
      <c r="L623" s="281"/>
      <c r="M623" s="281"/>
      <c r="N623" s="281"/>
      <c r="O623" s="281"/>
      <c r="P623" s="281"/>
      <c r="Q623" s="281"/>
      <c r="R623" s="281"/>
      <c r="S623" s="281"/>
      <c r="T623" s="281"/>
      <c r="U623" s="281"/>
      <c r="V623" s="281"/>
      <c r="W623" s="281"/>
      <c r="X623" s="281"/>
      <c r="Y623" s="281"/>
      <c r="Z623" s="281"/>
      <c r="AA623" s="281"/>
      <c r="AB623" s="281"/>
      <c r="AC623" s="281"/>
      <c r="AD623" s="281"/>
      <c r="AE623" s="281"/>
      <c r="AF623" s="281"/>
      <c r="AG623" s="281"/>
      <c r="AH623" s="281"/>
      <c r="AI623" s="281"/>
      <c r="AJ623" s="281"/>
      <c r="AK623" s="130"/>
      <c r="AL623" s="126"/>
    </row>
    <row r="624" spans="1:38" s="76" customFormat="1" ht="13.5" customHeight="1">
      <c r="A624" s="125"/>
      <c r="B624" s="125"/>
      <c r="C624" s="273"/>
      <c r="D624" s="274"/>
      <c r="E624" s="274"/>
      <c r="F624" s="274"/>
      <c r="G624" s="274"/>
      <c r="H624" s="274"/>
      <c r="I624" s="274"/>
      <c r="J624" s="274"/>
      <c r="K624" s="274"/>
      <c r="L624" s="274"/>
      <c r="M624" s="274"/>
      <c r="N624" s="274"/>
      <c r="O624" s="274"/>
      <c r="P624" s="274"/>
      <c r="Q624" s="274"/>
      <c r="R624" s="274"/>
      <c r="S624" s="274"/>
      <c r="T624" s="274"/>
      <c r="U624" s="274"/>
      <c r="V624" s="274"/>
      <c r="W624" s="274"/>
      <c r="X624" s="274"/>
      <c r="Y624" s="274"/>
      <c r="Z624" s="274"/>
      <c r="AA624" s="274"/>
      <c r="AB624" s="274"/>
      <c r="AC624" s="274"/>
      <c r="AD624" s="274"/>
      <c r="AE624" s="274"/>
      <c r="AF624" s="274"/>
      <c r="AG624" s="274"/>
      <c r="AH624" s="274"/>
      <c r="AI624" s="274"/>
      <c r="AJ624" s="274"/>
      <c r="AK624" s="131"/>
      <c r="AL624" s="126"/>
    </row>
    <row r="625" spans="1:38" s="76" customFormat="1" ht="13.5" customHeight="1" thickBot="1">
      <c r="A625" s="125"/>
      <c r="B625" s="125"/>
      <c r="C625" s="133"/>
      <c r="D625" s="133"/>
      <c r="E625" s="133"/>
      <c r="F625" s="133"/>
      <c r="G625" s="133"/>
      <c r="H625" s="133"/>
      <c r="I625" s="133"/>
      <c r="J625" s="133"/>
      <c r="K625" s="133"/>
      <c r="L625" s="133"/>
      <c r="M625" s="133"/>
      <c r="N625" s="133"/>
      <c r="O625" s="133"/>
      <c r="P625" s="133"/>
      <c r="Q625" s="133"/>
      <c r="R625" s="133"/>
      <c r="S625" s="133"/>
      <c r="T625" s="133"/>
      <c r="U625" s="133"/>
      <c r="V625" s="133"/>
      <c r="W625" s="133"/>
      <c r="X625" s="133"/>
      <c r="Y625" s="133"/>
      <c r="Z625" s="133"/>
      <c r="AA625" s="133"/>
      <c r="AB625" s="133"/>
      <c r="AC625" s="133"/>
      <c r="AD625" s="133"/>
      <c r="AE625" s="133"/>
      <c r="AF625" s="133"/>
      <c r="AG625" s="133"/>
      <c r="AH625" s="133"/>
      <c r="AI625" s="133"/>
      <c r="AJ625" s="133"/>
      <c r="AK625" s="126"/>
      <c r="AL625" s="126"/>
    </row>
    <row r="626" spans="1:38" s="76" customFormat="1" ht="13.5" customHeight="1" thickTop="1">
      <c r="A626" s="266">
        <v>67</v>
      </c>
      <c r="B626" s="302"/>
      <c r="C626" s="270" t="s">
        <v>544</v>
      </c>
      <c r="D626" s="271"/>
      <c r="E626" s="271"/>
      <c r="F626" s="271"/>
      <c r="G626" s="271"/>
      <c r="H626" s="271"/>
      <c r="I626" s="271"/>
      <c r="J626" s="271"/>
      <c r="K626" s="271"/>
      <c r="L626" s="271"/>
      <c r="M626" s="271"/>
      <c r="N626" s="271"/>
      <c r="O626" s="271"/>
      <c r="P626" s="271"/>
      <c r="Q626" s="271"/>
      <c r="R626" s="271"/>
      <c r="S626" s="271"/>
      <c r="T626" s="271"/>
      <c r="U626" s="271"/>
      <c r="V626" s="271"/>
      <c r="W626" s="271"/>
      <c r="X626" s="271"/>
      <c r="Y626" s="271"/>
      <c r="Z626" s="271"/>
      <c r="AA626" s="271"/>
      <c r="AB626" s="271"/>
      <c r="AC626" s="271"/>
      <c r="AD626" s="271"/>
      <c r="AE626" s="271"/>
      <c r="AF626" s="271"/>
      <c r="AG626" s="271"/>
      <c r="AH626" s="271"/>
      <c r="AI626" s="271"/>
      <c r="AJ626" s="279"/>
      <c r="AK626" s="275"/>
      <c r="AL626" s="276"/>
    </row>
    <row r="627" spans="1:38" s="76" customFormat="1" ht="13.5" customHeight="1" thickBot="1">
      <c r="A627" s="268"/>
      <c r="B627" s="303"/>
      <c r="C627" s="272"/>
      <c r="D627" s="281"/>
      <c r="E627" s="281"/>
      <c r="F627" s="281"/>
      <c r="G627" s="281"/>
      <c r="H627" s="281"/>
      <c r="I627" s="281"/>
      <c r="J627" s="281"/>
      <c r="K627" s="281"/>
      <c r="L627" s="281"/>
      <c r="M627" s="281"/>
      <c r="N627" s="281"/>
      <c r="O627" s="281"/>
      <c r="P627" s="281"/>
      <c r="Q627" s="281"/>
      <c r="R627" s="281"/>
      <c r="S627" s="281"/>
      <c r="T627" s="281"/>
      <c r="U627" s="281"/>
      <c r="V627" s="281"/>
      <c r="W627" s="281"/>
      <c r="X627" s="281"/>
      <c r="Y627" s="281"/>
      <c r="Z627" s="281"/>
      <c r="AA627" s="281"/>
      <c r="AB627" s="281"/>
      <c r="AC627" s="281"/>
      <c r="AD627" s="281"/>
      <c r="AE627" s="281"/>
      <c r="AF627" s="281"/>
      <c r="AG627" s="281"/>
      <c r="AH627" s="281"/>
      <c r="AI627" s="281"/>
      <c r="AJ627" s="312"/>
      <c r="AK627" s="277"/>
      <c r="AL627" s="278"/>
    </row>
    <row r="628" spans="1:38" s="76" customFormat="1" ht="13.5" customHeight="1" thickTop="1">
      <c r="A628" s="125"/>
      <c r="B628" s="125"/>
      <c r="C628" s="273"/>
      <c r="D628" s="274"/>
      <c r="E628" s="274"/>
      <c r="F628" s="274"/>
      <c r="G628" s="274"/>
      <c r="H628" s="274"/>
      <c r="I628" s="274"/>
      <c r="J628" s="274"/>
      <c r="K628" s="274"/>
      <c r="L628" s="274"/>
      <c r="M628" s="274"/>
      <c r="N628" s="274"/>
      <c r="O628" s="274"/>
      <c r="P628" s="274"/>
      <c r="Q628" s="274"/>
      <c r="R628" s="274"/>
      <c r="S628" s="274"/>
      <c r="T628" s="274"/>
      <c r="U628" s="274"/>
      <c r="V628" s="274"/>
      <c r="W628" s="274"/>
      <c r="X628" s="274"/>
      <c r="Y628" s="274"/>
      <c r="Z628" s="274"/>
      <c r="AA628" s="274"/>
      <c r="AB628" s="274"/>
      <c r="AC628" s="274"/>
      <c r="AD628" s="274"/>
      <c r="AE628" s="274"/>
      <c r="AF628" s="274"/>
      <c r="AG628" s="274"/>
      <c r="AH628" s="274"/>
      <c r="AI628" s="274"/>
      <c r="AJ628" s="274"/>
      <c r="AK628" s="130"/>
      <c r="AL628" s="126"/>
    </row>
    <row r="629" spans="1:38" s="76" customFormat="1" ht="13.5" customHeight="1">
      <c r="A629" s="125"/>
      <c r="B629" s="125"/>
      <c r="C629" s="133"/>
      <c r="D629" s="133"/>
      <c r="E629" s="133"/>
      <c r="F629" s="133"/>
      <c r="G629" s="133"/>
      <c r="H629" s="133"/>
      <c r="I629" s="133"/>
      <c r="J629" s="133"/>
      <c r="K629" s="133"/>
      <c r="L629" s="133"/>
      <c r="M629" s="133"/>
      <c r="N629" s="133"/>
      <c r="O629" s="133"/>
      <c r="P629" s="133"/>
      <c r="Q629" s="133"/>
      <c r="R629" s="133"/>
      <c r="S629" s="133"/>
      <c r="T629" s="133"/>
      <c r="U629" s="133"/>
      <c r="V629" s="133"/>
      <c r="W629" s="133"/>
      <c r="X629" s="133"/>
      <c r="Y629" s="133"/>
      <c r="Z629" s="133"/>
      <c r="AA629" s="133"/>
      <c r="AB629" s="133"/>
      <c r="AC629" s="133"/>
      <c r="AD629" s="133"/>
      <c r="AE629" s="133"/>
      <c r="AF629" s="133"/>
      <c r="AG629" s="133"/>
      <c r="AH629" s="133"/>
      <c r="AI629" s="133"/>
      <c r="AJ629" s="133"/>
      <c r="AK629" s="126"/>
      <c r="AL629" s="126"/>
    </row>
    <row r="630" spans="1:38" s="76" customFormat="1" ht="13.5" customHeight="1">
      <c r="A630" s="127" t="s">
        <v>124</v>
      </c>
    </row>
    <row r="631" spans="1:38" s="76" customFormat="1" ht="13.5" customHeight="1" thickBot="1">
      <c r="A631" s="129" t="s">
        <v>229</v>
      </c>
    </row>
    <row r="632" spans="1:38" s="76" customFormat="1" ht="13.5" customHeight="1" thickTop="1">
      <c r="A632" s="266">
        <v>68</v>
      </c>
      <c r="B632" s="302"/>
      <c r="C632" s="270" t="s">
        <v>545</v>
      </c>
      <c r="D632" s="271"/>
      <c r="E632" s="271"/>
      <c r="F632" s="271"/>
      <c r="G632" s="271"/>
      <c r="H632" s="271"/>
      <c r="I632" s="271"/>
      <c r="J632" s="271"/>
      <c r="K632" s="271"/>
      <c r="L632" s="271"/>
      <c r="M632" s="271"/>
      <c r="N632" s="271"/>
      <c r="O632" s="271"/>
      <c r="P632" s="271"/>
      <c r="Q632" s="271"/>
      <c r="R632" s="271"/>
      <c r="S632" s="271"/>
      <c r="T632" s="271"/>
      <c r="U632" s="271"/>
      <c r="V632" s="271"/>
      <c r="W632" s="271"/>
      <c r="X632" s="271"/>
      <c r="Y632" s="271"/>
      <c r="Z632" s="271"/>
      <c r="AA632" s="271"/>
      <c r="AB632" s="271"/>
      <c r="AC632" s="271"/>
      <c r="AD632" s="271"/>
      <c r="AE632" s="271"/>
      <c r="AF632" s="271"/>
      <c r="AG632" s="271"/>
      <c r="AH632" s="271"/>
      <c r="AI632" s="271"/>
      <c r="AJ632" s="279"/>
      <c r="AK632" s="275"/>
      <c r="AL632" s="276"/>
    </row>
    <row r="633" spans="1:38" s="76" customFormat="1" ht="13.5" customHeight="1" thickBot="1">
      <c r="A633" s="268"/>
      <c r="B633" s="303"/>
      <c r="C633" s="272"/>
      <c r="D633" s="281"/>
      <c r="E633" s="281"/>
      <c r="F633" s="281"/>
      <c r="G633" s="281"/>
      <c r="H633" s="281"/>
      <c r="I633" s="281"/>
      <c r="J633" s="281"/>
      <c r="K633" s="281"/>
      <c r="L633" s="281"/>
      <c r="M633" s="281"/>
      <c r="N633" s="281"/>
      <c r="O633" s="281"/>
      <c r="P633" s="281"/>
      <c r="Q633" s="281"/>
      <c r="R633" s="281"/>
      <c r="S633" s="281"/>
      <c r="T633" s="281"/>
      <c r="U633" s="281"/>
      <c r="V633" s="281"/>
      <c r="W633" s="281"/>
      <c r="X633" s="281"/>
      <c r="Y633" s="281"/>
      <c r="Z633" s="281"/>
      <c r="AA633" s="281"/>
      <c r="AB633" s="281"/>
      <c r="AC633" s="281"/>
      <c r="AD633" s="281"/>
      <c r="AE633" s="281"/>
      <c r="AF633" s="281"/>
      <c r="AG633" s="281"/>
      <c r="AH633" s="281"/>
      <c r="AI633" s="281"/>
      <c r="AJ633" s="312"/>
      <c r="AK633" s="277"/>
      <c r="AL633" s="278"/>
    </row>
    <row r="634" spans="1:38" s="76" customFormat="1" ht="13.5" customHeight="1" thickTop="1">
      <c r="A634" s="125"/>
      <c r="B634" s="125"/>
      <c r="C634" s="272"/>
      <c r="D634" s="281"/>
      <c r="E634" s="281"/>
      <c r="F634" s="281"/>
      <c r="G634" s="281"/>
      <c r="H634" s="281"/>
      <c r="I634" s="281"/>
      <c r="J634" s="281"/>
      <c r="K634" s="281"/>
      <c r="L634" s="281"/>
      <c r="M634" s="281"/>
      <c r="N634" s="281"/>
      <c r="O634" s="281"/>
      <c r="P634" s="281"/>
      <c r="Q634" s="281"/>
      <c r="R634" s="281"/>
      <c r="S634" s="281"/>
      <c r="T634" s="281"/>
      <c r="U634" s="281"/>
      <c r="V634" s="281"/>
      <c r="W634" s="281"/>
      <c r="X634" s="281"/>
      <c r="Y634" s="281"/>
      <c r="Z634" s="281"/>
      <c r="AA634" s="281"/>
      <c r="AB634" s="281"/>
      <c r="AC634" s="281"/>
      <c r="AD634" s="281"/>
      <c r="AE634" s="281"/>
      <c r="AF634" s="281"/>
      <c r="AG634" s="281"/>
      <c r="AH634" s="281"/>
      <c r="AI634" s="281"/>
      <c r="AJ634" s="281"/>
      <c r="AK634" s="130"/>
      <c r="AL634" s="126"/>
    </row>
    <row r="635" spans="1:38" s="76" customFormat="1" ht="13.5" customHeight="1">
      <c r="A635" s="125"/>
      <c r="B635" s="125"/>
      <c r="C635" s="273"/>
      <c r="D635" s="274"/>
      <c r="E635" s="274"/>
      <c r="F635" s="274"/>
      <c r="G635" s="274"/>
      <c r="H635" s="274"/>
      <c r="I635" s="274"/>
      <c r="J635" s="274"/>
      <c r="K635" s="274"/>
      <c r="L635" s="274"/>
      <c r="M635" s="274"/>
      <c r="N635" s="274"/>
      <c r="O635" s="274"/>
      <c r="P635" s="274"/>
      <c r="Q635" s="274"/>
      <c r="R635" s="274"/>
      <c r="S635" s="274"/>
      <c r="T635" s="274"/>
      <c r="U635" s="274"/>
      <c r="V635" s="274"/>
      <c r="W635" s="274"/>
      <c r="X635" s="274"/>
      <c r="Y635" s="274"/>
      <c r="Z635" s="274"/>
      <c r="AA635" s="274"/>
      <c r="AB635" s="274"/>
      <c r="AC635" s="274"/>
      <c r="AD635" s="274"/>
      <c r="AE635" s="274"/>
      <c r="AF635" s="274"/>
      <c r="AG635" s="274"/>
      <c r="AH635" s="274"/>
      <c r="AI635" s="274"/>
      <c r="AJ635" s="274"/>
      <c r="AK635" s="131"/>
      <c r="AL635" s="126"/>
    </row>
    <row r="636" spans="1:38" s="76" customFormat="1" ht="13.5" customHeight="1"/>
    <row r="637" spans="1:38" s="76" customFormat="1" ht="13.5" customHeight="1">
      <c r="A637" s="127" t="s">
        <v>125</v>
      </c>
    </row>
    <row r="638" spans="1:38" s="76" customFormat="1" ht="13.5" customHeight="1" thickBot="1">
      <c r="A638" s="129" t="s">
        <v>230</v>
      </c>
    </row>
    <row r="639" spans="1:38" s="76" customFormat="1" ht="13.5" customHeight="1" thickTop="1">
      <c r="A639" s="266">
        <v>69</v>
      </c>
      <c r="B639" s="302"/>
      <c r="C639" s="270" t="s">
        <v>546</v>
      </c>
      <c r="D639" s="271"/>
      <c r="E639" s="271"/>
      <c r="F639" s="271"/>
      <c r="G639" s="271"/>
      <c r="H639" s="271"/>
      <c r="I639" s="271"/>
      <c r="J639" s="271"/>
      <c r="K639" s="271"/>
      <c r="L639" s="271"/>
      <c r="M639" s="271"/>
      <c r="N639" s="271"/>
      <c r="O639" s="271"/>
      <c r="P639" s="271"/>
      <c r="Q639" s="271"/>
      <c r="R639" s="271"/>
      <c r="S639" s="271"/>
      <c r="T639" s="271"/>
      <c r="U639" s="271"/>
      <c r="V639" s="271"/>
      <c r="W639" s="271"/>
      <c r="X639" s="271"/>
      <c r="Y639" s="271"/>
      <c r="Z639" s="271"/>
      <c r="AA639" s="271"/>
      <c r="AB639" s="271"/>
      <c r="AC639" s="271"/>
      <c r="AD639" s="271"/>
      <c r="AE639" s="271"/>
      <c r="AF639" s="271"/>
      <c r="AG639" s="271"/>
      <c r="AH639" s="271"/>
      <c r="AI639" s="271"/>
      <c r="AJ639" s="271"/>
      <c r="AK639" s="275"/>
      <c r="AL639" s="276"/>
    </row>
    <row r="640" spans="1:38" s="76" customFormat="1" ht="13.5" customHeight="1" thickBot="1">
      <c r="A640" s="268"/>
      <c r="B640" s="303"/>
      <c r="C640" s="272"/>
      <c r="D640" s="281"/>
      <c r="E640" s="281"/>
      <c r="F640" s="281"/>
      <c r="G640" s="281"/>
      <c r="H640" s="281"/>
      <c r="I640" s="281"/>
      <c r="J640" s="281"/>
      <c r="K640" s="281"/>
      <c r="L640" s="281"/>
      <c r="M640" s="281"/>
      <c r="N640" s="281"/>
      <c r="O640" s="281"/>
      <c r="P640" s="281"/>
      <c r="Q640" s="281"/>
      <c r="R640" s="281"/>
      <c r="S640" s="281"/>
      <c r="T640" s="281"/>
      <c r="U640" s="281"/>
      <c r="V640" s="281"/>
      <c r="W640" s="281"/>
      <c r="X640" s="281"/>
      <c r="Y640" s="281"/>
      <c r="Z640" s="281"/>
      <c r="AA640" s="281"/>
      <c r="AB640" s="281"/>
      <c r="AC640" s="281"/>
      <c r="AD640" s="281"/>
      <c r="AE640" s="281"/>
      <c r="AF640" s="281"/>
      <c r="AG640" s="281"/>
      <c r="AH640" s="281"/>
      <c r="AI640" s="281"/>
      <c r="AJ640" s="281"/>
      <c r="AK640" s="277"/>
      <c r="AL640" s="278"/>
    </row>
    <row r="641" spans="1:38" s="76" customFormat="1" ht="13.5" customHeight="1" thickTop="1">
      <c r="A641" s="125"/>
      <c r="B641" s="125"/>
      <c r="C641" s="273"/>
      <c r="D641" s="274"/>
      <c r="E641" s="274"/>
      <c r="F641" s="274"/>
      <c r="G641" s="274"/>
      <c r="H641" s="274"/>
      <c r="I641" s="274"/>
      <c r="J641" s="274"/>
      <c r="K641" s="274"/>
      <c r="L641" s="274"/>
      <c r="M641" s="274"/>
      <c r="N641" s="274"/>
      <c r="O641" s="274"/>
      <c r="P641" s="274"/>
      <c r="Q641" s="274"/>
      <c r="R641" s="274"/>
      <c r="S641" s="274"/>
      <c r="T641" s="274"/>
      <c r="U641" s="274"/>
      <c r="V641" s="274"/>
      <c r="W641" s="274"/>
      <c r="X641" s="274"/>
      <c r="Y641" s="274"/>
      <c r="Z641" s="274"/>
      <c r="AA641" s="274"/>
      <c r="AB641" s="274"/>
      <c r="AC641" s="274"/>
      <c r="AD641" s="274"/>
      <c r="AE641" s="274"/>
      <c r="AF641" s="274"/>
      <c r="AG641" s="274"/>
      <c r="AH641" s="274"/>
      <c r="AI641" s="274"/>
      <c r="AJ641" s="314"/>
      <c r="AK641" s="126"/>
      <c r="AL641" s="126"/>
    </row>
    <row r="642" spans="1:38" s="76" customFormat="1" ht="13.5" customHeight="1" thickBot="1">
      <c r="C642" s="179"/>
      <c r="D642" s="179"/>
      <c r="E642" s="179"/>
      <c r="F642" s="179"/>
      <c r="G642" s="179"/>
      <c r="H642" s="179"/>
      <c r="I642" s="179"/>
      <c r="J642" s="179"/>
      <c r="K642" s="179"/>
      <c r="L642" s="179"/>
      <c r="M642" s="179"/>
      <c r="N642" s="179"/>
      <c r="O642" s="179"/>
      <c r="P642" s="179"/>
      <c r="Q642" s="179"/>
      <c r="R642" s="179"/>
      <c r="S642" s="179"/>
      <c r="T642" s="179"/>
      <c r="U642" s="179"/>
      <c r="V642" s="179"/>
      <c r="W642" s="179"/>
      <c r="X642" s="179"/>
      <c r="Y642" s="179"/>
      <c r="Z642" s="179"/>
      <c r="AA642" s="179"/>
      <c r="AB642" s="179"/>
      <c r="AC642" s="179"/>
      <c r="AD642" s="179"/>
      <c r="AE642" s="179"/>
      <c r="AF642" s="179"/>
      <c r="AG642" s="179"/>
      <c r="AH642" s="179"/>
      <c r="AI642" s="179"/>
      <c r="AJ642" s="179"/>
    </row>
    <row r="643" spans="1:38" s="76" customFormat="1" ht="13.5" customHeight="1" thickTop="1">
      <c r="A643" s="266">
        <v>70</v>
      </c>
      <c r="B643" s="302"/>
      <c r="C643" s="270" t="s">
        <v>547</v>
      </c>
      <c r="D643" s="271"/>
      <c r="E643" s="271"/>
      <c r="F643" s="271"/>
      <c r="G643" s="271"/>
      <c r="H643" s="271"/>
      <c r="I643" s="271"/>
      <c r="J643" s="271"/>
      <c r="K643" s="271"/>
      <c r="L643" s="271"/>
      <c r="M643" s="271"/>
      <c r="N643" s="271"/>
      <c r="O643" s="271"/>
      <c r="P643" s="271"/>
      <c r="Q643" s="271"/>
      <c r="R643" s="271"/>
      <c r="S643" s="271"/>
      <c r="T643" s="271"/>
      <c r="U643" s="271"/>
      <c r="V643" s="271"/>
      <c r="W643" s="271"/>
      <c r="X643" s="271"/>
      <c r="Y643" s="271"/>
      <c r="Z643" s="271"/>
      <c r="AA643" s="271"/>
      <c r="AB643" s="271"/>
      <c r="AC643" s="271"/>
      <c r="AD643" s="271"/>
      <c r="AE643" s="271"/>
      <c r="AF643" s="271"/>
      <c r="AG643" s="271"/>
      <c r="AH643" s="271"/>
      <c r="AI643" s="271"/>
      <c r="AJ643" s="271"/>
      <c r="AK643" s="275"/>
      <c r="AL643" s="276"/>
    </row>
    <row r="644" spans="1:38" s="76" customFormat="1" ht="13.5" customHeight="1" thickBot="1">
      <c r="A644" s="268"/>
      <c r="B644" s="303"/>
      <c r="C644" s="272"/>
      <c r="D644" s="281"/>
      <c r="E644" s="281"/>
      <c r="F644" s="281"/>
      <c r="G644" s="281"/>
      <c r="H644" s="281"/>
      <c r="I644" s="281"/>
      <c r="J644" s="281"/>
      <c r="K644" s="281"/>
      <c r="L644" s="281"/>
      <c r="M644" s="281"/>
      <c r="N644" s="281"/>
      <c r="O644" s="281"/>
      <c r="P644" s="281"/>
      <c r="Q644" s="281"/>
      <c r="R644" s="281"/>
      <c r="S644" s="281"/>
      <c r="T644" s="281"/>
      <c r="U644" s="281"/>
      <c r="V644" s="281"/>
      <c r="W644" s="281"/>
      <c r="X644" s="281"/>
      <c r="Y644" s="281"/>
      <c r="Z644" s="281"/>
      <c r="AA644" s="281"/>
      <c r="AB644" s="281"/>
      <c r="AC644" s="281"/>
      <c r="AD644" s="281"/>
      <c r="AE644" s="281"/>
      <c r="AF644" s="281"/>
      <c r="AG644" s="281"/>
      <c r="AH644" s="281"/>
      <c r="AI644" s="281"/>
      <c r="AJ644" s="281"/>
      <c r="AK644" s="277"/>
      <c r="AL644" s="278"/>
    </row>
    <row r="645" spans="1:38" s="76" customFormat="1" ht="13.5" customHeight="1" thickTop="1">
      <c r="A645" s="125"/>
      <c r="B645" s="125"/>
      <c r="C645" s="273"/>
      <c r="D645" s="274"/>
      <c r="E645" s="274"/>
      <c r="F645" s="274"/>
      <c r="G645" s="274"/>
      <c r="H645" s="274"/>
      <c r="I645" s="274"/>
      <c r="J645" s="274"/>
      <c r="K645" s="274"/>
      <c r="L645" s="274"/>
      <c r="M645" s="274"/>
      <c r="N645" s="274"/>
      <c r="O645" s="274"/>
      <c r="P645" s="274"/>
      <c r="Q645" s="274"/>
      <c r="R645" s="274"/>
      <c r="S645" s="274"/>
      <c r="T645" s="274"/>
      <c r="U645" s="274"/>
      <c r="V645" s="274"/>
      <c r="W645" s="274"/>
      <c r="X645" s="274"/>
      <c r="Y645" s="274"/>
      <c r="Z645" s="274"/>
      <c r="AA645" s="274"/>
      <c r="AB645" s="274"/>
      <c r="AC645" s="274"/>
      <c r="AD645" s="274"/>
      <c r="AE645" s="274"/>
      <c r="AF645" s="274"/>
      <c r="AG645" s="274"/>
      <c r="AH645" s="274"/>
      <c r="AI645" s="274"/>
      <c r="AJ645" s="314"/>
      <c r="AK645" s="126"/>
      <c r="AL645" s="126"/>
    </row>
    <row r="646" spans="1:38" s="76" customFormat="1" ht="13.5" customHeight="1" thickBot="1">
      <c r="A646" s="125"/>
      <c r="B646" s="125"/>
      <c r="C646" s="133"/>
      <c r="D646" s="133"/>
      <c r="E646" s="133"/>
      <c r="F646" s="133"/>
      <c r="G646" s="133"/>
      <c r="H646" s="133"/>
      <c r="I646" s="133"/>
      <c r="J646" s="133"/>
      <c r="K646" s="133"/>
      <c r="L646" s="133"/>
      <c r="M646" s="133"/>
      <c r="N646" s="133"/>
      <c r="O646" s="133"/>
      <c r="P646" s="133"/>
      <c r="Q646" s="133"/>
      <c r="R646" s="133"/>
      <c r="S646" s="133"/>
      <c r="T646" s="133"/>
      <c r="U646" s="133"/>
      <c r="V646" s="133"/>
      <c r="W646" s="133"/>
      <c r="X646" s="133"/>
      <c r="Y646" s="133"/>
      <c r="Z646" s="133"/>
      <c r="AA646" s="133"/>
      <c r="AB646" s="133"/>
      <c r="AC646" s="133"/>
      <c r="AD646" s="133"/>
      <c r="AE646" s="133"/>
      <c r="AF646" s="133"/>
      <c r="AG646" s="133"/>
      <c r="AH646" s="133"/>
      <c r="AI646" s="133"/>
      <c r="AJ646" s="133"/>
      <c r="AK646" s="126"/>
      <c r="AL646" s="126"/>
    </row>
    <row r="647" spans="1:38" s="76" customFormat="1" ht="13.5" customHeight="1" thickTop="1">
      <c r="A647" s="266">
        <v>71</v>
      </c>
      <c r="B647" s="302"/>
      <c r="C647" s="270" t="s">
        <v>548</v>
      </c>
      <c r="D647" s="271"/>
      <c r="E647" s="271"/>
      <c r="F647" s="271"/>
      <c r="G647" s="271"/>
      <c r="H647" s="271"/>
      <c r="I647" s="271"/>
      <c r="J647" s="271"/>
      <c r="K647" s="271"/>
      <c r="L647" s="271"/>
      <c r="M647" s="271"/>
      <c r="N647" s="271"/>
      <c r="O647" s="271"/>
      <c r="P647" s="271"/>
      <c r="Q647" s="271"/>
      <c r="R647" s="271"/>
      <c r="S647" s="271"/>
      <c r="T647" s="271"/>
      <c r="U647" s="271"/>
      <c r="V647" s="271"/>
      <c r="W647" s="271"/>
      <c r="X647" s="271"/>
      <c r="Y647" s="271"/>
      <c r="Z647" s="271"/>
      <c r="AA647" s="271"/>
      <c r="AB647" s="271"/>
      <c r="AC647" s="271"/>
      <c r="AD647" s="271"/>
      <c r="AE647" s="271"/>
      <c r="AF647" s="271"/>
      <c r="AG647" s="271"/>
      <c r="AH647" s="271"/>
      <c r="AI647" s="271"/>
      <c r="AJ647" s="271"/>
      <c r="AK647" s="275"/>
      <c r="AL647" s="276"/>
    </row>
    <row r="648" spans="1:38" s="76" customFormat="1" ht="13.5" customHeight="1" thickBot="1">
      <c r="A648" s="268"/>
      <c r="B648" s="303"/>
      <c r="C648" s="272"/>
      <c r="D648" s="281"/>
      <c r="E648" s="281"/>
      <c r="F648" s="281"/>
      <c r="G648" s="281"/>
      <c r="H648" s="281"/>
      <c r="I648" s="281"/>
      <c r="J648" s="281"/>
      <c r="K648" s="281"/>
      <c r="L648" s="281"/>
      <c r="M648" s="281"/>
      <c r="N648" s="281"/>
      <c r="O648" s="281"/>
      <c r="P648" s="281"/>
      <c r="Q648" s="281"/>
      <c r="R648" s="281"/>
      <c r="S648" s="281"/>
      <c r="T648" s="281"/>
      <c r="U648" s="281"/>
      <c r="V648" s="281"/>
      <c r="W648" s="281"/>
      <c r="X648" s="281"/>
      <c r="Y648" s="281"/>
      <c r="Z648" s="281"/>
      <c r="AA648" s="281"/>
      <c r="AB648" s="281"/>
      <c r="AC648" s="281"/>
      <c r="AD648" s="281"/>
      <c r="AE648" s="281"/>
      <c r="AF648" s="281"/>
      <c r="AG648" s="281"/>
      <c r="AH648" s="281"/>
      <c r="AI648" s="281"/>
      <c r="AJ648" s="281"/>
      <c r="AK648" s="277"/>
      <c r="AL648" s="278"/>
    </row>
    <row r="649" spans="1:38" s="76" customFormat="1" ht="13.5" customHeight="1" thickTop="1">
      <c r="A649" s="125"/>
      <c r="B649" s="125"/>
      <c r="C649" s="273"/>
      <c r="D649" s="274"/>
      <c r="E649" s="274"/>
      <c r="F649" s="274"/>
      <c r="G649" s="274"/>
      <c r="H649" s="274"/>
      <c r="I649" s="274"/>
      <c r="J649" s="274"/>
      <c r="K649" s="274"/>
      <c r="L649" s="274"/>
      <c r="M649" s="274"/>
      <c r="N649" s="274"/>
      <c r="O649" s="274"/>
      <c r="P649" s="274"/>
      <c r="Q649" s="274"/>
      <c r="R649" s="274"/>
      <c r="S649" s="274"/>
      <c r="T649" s="274"/>
      <c r="U649" s="274"/>
      <c r="V649" s="274"/>
      <c r="W649" s="274"/>
      <c r="X649" s="274"/>
      <c r="Y649" s="274"/>
      <c r="Z649" s="274"/>
      <c r="AA649" s="274"/>
      <c r="AB649" s="274"/>
      <c r="AC649" s="274"/>
      <c r="AD649" s="274"/>
      <c r="AE649" s="274"/>
      <c r="AF649" s="274"/>
      <c r="AG649" s="274"/>
      <c r="AH649" s="274"/>
      <c r="AI649" s="274"/>
      <c r="AJ649" s="314"/>
      <c r="AK649" s="126"/>
      <c r="AL649" s="126"/>
    </row>
    <row r="650" spans="1:38" s="76" customFormat="1" ht="13.5" customHeight="1" thickBot="1">
      <c r="A650" s="125"/>
      <c r="B650" s="125"/>
      <c r="C650" s="133"/>
      <c r="D650" s="133"/>
      <c r="E650" s="133"/>
      <c r="F650" s="133"/>
      <c r="G650" s="133"/>
      <c r="H650" s="133"/>
      <c r="I650" s="133"/>
      <c r="J650" s="133"/>
      <c r="K650" s="133"/>
      <c r="L650" s="133"/>
      <c r="M650" s="133"/>
      <c r="N650" s="133"/>
      <c r="O650" s="133"/>
      <c r="P650" s="133"/>
      <c r="Q650" s="133"/>
      <c r="R650" s="133"/>
      <c r="S650" s="133"/>
      <c r="T650" s="133"/>
      <c r="U650" s="133"/>
      <c r="V650" s="133"/>
      <c r="W650" s="133"/>
      <c r="X650" s="133"/>
      <c r="Y650" s="133"/>
      <c r="Z650" s="133"/>
      <c r="AA650" s="133"/>
      <c r="AB650" s="133"/>
      <c r="AC650" s="133"/>
      <c r="AD650" s="133"/>
      <c r="AE650" s="133"/>
      <c r="AF650" s="133"/>
      <c r="AG650" s="133"/>
      <c r="AH650" s="133"/>
      <c r="AI650" s="133"/>
      <c r="AJ650" s="133"/>
      <c r="AK650" s="126"/>
      <c r="AL650" s="126"/>
    </row>
    <row r="651" spans="1:38" s="76" customFormat="1" ht="13.5" customHeight="1" thickTop="1">
      <c r="A651" s="266">
        <v>72</v>
      </c>
      <c r="B651" s="302"/>
      <c r="C651" s="270" t="s">
        <v>550</v>
      </c>
      <c r="D651" s="271"/>
      <c r="E651" s="271"/>
      <c r="F651" s="271"/>
      <c r="G651" s="271"/>
      <c r="H651" s="271"/>
      <c r="I651" s="271"/>
      <c r="J651" s="271"/>
      <c r="K651" s="271"/>
      <c r="L651" s="271"/>
      <c r="M651" s="271"/>
      <c r="N651" s="271"/>
      <c r="O651" s="271"/>
      <c r="P651" s="271"/>
      <c r="Q651" s="271"/>
      <c r="R651" s="271"/>
      <c r="S651" s="271"/>
      <c r="T651" s="271"/>
      <c r="U651" s="271"/>
      <c r="V651" s="271"/>
      <c r="W651" s="271"/>
      <c r="X651" s="271"/>
      <c r="Y651" s="271"/>
      <c r="Z651" s="271"/>
      <c r="AA651" s="271"/>
      <c r="AB651" s="271"/>
      <c r="AC651" s="271"/>
      <c r="AD651" s="271"/>
      <c r="AE651" s="271"/>
      <c r="AF651" s="271"/>
      <c r="AG651" s="271"/>
      <c r="AH651" s="271"/>
      <c r="AI651" s="271"/>
      <c r="AJ651" s="279"/>
      <c r="AK651" s="275"/>
      <c r="AL651" s="276"/>
    </row>
    <row r="652" spans="1:38" s="76" customFormat="1" ht="13.5" customHeight="1" thickBot="1">
      <c r="A652" s="268"/>
      <c r="B652" s="303"/>
      <c r="C652" s="273"/>
      <c r="D652" s="274"/>
      <c r="E652" s="274"/>
      <c r="F652" s="274"/>
      <c r="G652" s="274"/>
      <c r="H652" s="274"/>
      <c r="I652" s="274"/>
      <c r="J652" s="274"/>
      <c r="K652" s="274"/>
      <c r="L652" s="274"/>
      <c r="M652" s="274"/>
      <c r="N652" s="274"/>
      <c r="O652" s="274"/>
      <c r="P652" s="274"/>
      <c r="Q652" s="274"/>
      <c r="R652" s="274"/>
      <c r="S652" s="274"/>
      <c r="T652" s="274"/>
      <c r="U652" s="274"/>
      <c r="V652" s="274"/>
      <c r="W652" s="274"/>
      <c r="X652" s="274"/>
      <c r="Y652" s="274"/>
      <c r="Z652" s="274"/>
      <c r="AA652" s="274"/>
      <c r="AB652" s="274"/>
      <c r="AC652" s="274"/>
      <c r="AD652" s="274"/>
      <c r="AE652" s="274"/>
      <c r="AF652" s="274"/>
      <c r="AG652" s="274"/>
      <c r="AH652" s="274"/>
      <c r="AI652" s="274"/>
      <c r="AJ652" s="280"/>
      <c r="AK652" s="277"/>
      <c r="AL652" s="278"/>
    </row>
    <row r="653" spans="1:38" s="76" customFormat="1" ht="13.5" customHeight="1" thickTop="1" thickBot="1"/>
    <row r="654" spans="1:38" s="76" customFormat="1" ht="13.5" customHeight="1" thickTop="1">
      <c r="A654" s="266">
        <v>73</v>
      </c>
      <c r="B654" s="302"/>
      <c r="C654" s="248" t="s">
        <v>549</v>
      </c>
      <c r="D654" s="249"/>
      <c r="E654" s="249"/>
      <c r="F654" s="249"/>
      <c r="G654" s="249"/>
      <c r="H654" s="249"/>
      <c r="I654" s="249"/>
      <c r="J654" s="249"/>
      <c r="K654" s="249"/>
      <c r="L654" s="249"/>
      <c r="M654" s="249"/>
      <c r="N654" s="249"/>
      <c r="O654" s="249"/>
      <c r="P654" s="249"/>
      <c r="Q654" s="249"/>
      <c r="R654" s="249"/>
      <c r="S654" s="249"/>
      <c r="T654" s="249"/>
      <c r="U654" s="249"/>
      <c r="V654" s="249"/>
      <c r="W654" s="249"/>
      <c r="X654" s="249"/>
      <c r="Y654" s="249"/>
      <c r="Z654" s="249"/>
      <c r="AA654" s="249"/>
      <c r="AB654" s="249"/>
      <c r="AC654" s="249"/>
      <c r="AD654" s="249"/>
      <c r="AE654" s="249"/>
      <c r="AF654" s="249"/>
      <c r="AG654" s="249"/>
      <c r="AH654" s="249"/>
      <c r="AI654" s="249"/>
      <c r="AJ654" s="249"/>
      <c r="AK654" s="275"/>
      <c r="AL654" s="276"/>
    </row>
    <row r="655" spans="1:38" s="76" customFormat="1" ht="13.5" customHeight="1" thickBot="1">
      <c r="A655" s="268"/>
      <c r="B655" s="303"/>
      <c r="C655" s="250"/>
      <c r="D655" s="251"/>
      <c r="E655" s="251"/>
      <c r="F655" s="251"/>
      <c r="G655" s="251"/>
      <c r="H655" s="251"/>
      <c r="I655" s="251"/>
      <c r="J655" s="251"/>
      <c r="K655" s="251"/>
      <c r="L655" s="251"/>
      <c r="M655" s="251"/>
      <c r="N655" s="251"/>
      <c r="O655" s="251"/>
      <c r="P655" s="251"/>
      <c r="Q655" s="251"/>
      <c r="R655" s="251"/>
      <c r="S655" s="251"/>
      <c r="T655" s="251"/>
      <c r="U655" s="251"/>
      <c r="V655" s="251"/>
      <c r="W655" s="251"/>
      <c r="X655" s="251"/>
      <c r="Y655" s="251"/>
      <c r="Z655" s="251"/>
      <c r="AA655" s="251"/>
      <c r="AB655" s="251"/>
      <c r="AC655" s="251"/>
      <c r="AD655" s="251"/>
      <c r="AE655" s="251"/>
      <c r="AF655" s="251"/>
      <c r="AG655" s="251"/>
      <c r="AH655" s="251"/>
      <c r="AI655" s="251"/>
      <c r="AJ655" s="251"/>
      <c r="AK655" s="277"/>
      <c r="AL655" s="278"/>
    </row>
    <row r="656" spans="1:38" s="76" customFormat="1" ht="13.5" customHeight="1" thickTop="1">
      <c r="A656" s="125"/>
      <c r="B656" s="125"/>
      <c r="C656" s="252"/>
      <c r="D656" s="253"/>
      <c r="E656" s="253"/>
      <c r="F656" s="253"/>
      <c r="G656" s="253"/>
      <c r="H656" s="253"/>
      <c r="I656" s="253"/>
      <c r="J656" s="253"/>
      <c r="K656" s="253"/>
      <c r="L656" s="253"/>
      <c r="M656" s="253"/>
      <c r="N656" s="253"/>
      <c r="O656" s="253"/>
      <c r="P656" s="253"/>
      <c r="Q656" s="253"/>
      <c r="R656" s="253"/>
      <c r="S656" s="253"/>
      <c r="T656" s="253"/>
      <c r="U656" s="253"/>
      <c r="V656" s="253"/>
      <c r="W656" s="253"/>
      <c r="X656" s="253"/>
      <c r="Y656" s="253"/>
      <c r="Z656" s="253"/>
      <c r="AA656" s="253"/>
      <c r="AB656" s="253"/>
      <c r="AC656" s="253"/>
      <c r="AD656" s="253"/>
      <c r="AE656" s="253"/>
      <c r="AF656" s="253"/>
      <c r="AG656" s="253"/>
      <c r="AH656" s="253"/>
      <c r="AI656" s="253"/>
      <c r="AJ656" s="253"/>
      <c r="AK656" s="130"/>
      <c r="AL656" s="126"/>
    </row>
    <row r="657" spans="1:38" s="76" customFormat="1" ht="13.5" customHeight="1">
      <c r="A657" s="125"/>
      <c r="B657" s="125"/>
      <c r="C657" s="139"/>
      <c r="D657" s="139"/>
      <c r="E657" s="139"/>
      <c r="F657" s="139"/>
      <c r="G657" s="139"/>
      <c r="H657" s="139"/>
      <c r="I657" s="139"/>
      <c r="J657" s="139"/>
      <c r="K657" s="139"/>
      <c r="L657" s="139"/>
      <c r="M657" s="139"/>
      <c r="N657" s="139"/>
      <c r="O657" s="139"/>
      <c r="P657" s="139"/>
      <c r="Q657" s="139"/>
      <c r="R657" s="139"/>
      <c r="S657" s="139"/>
      <c r="T657" s="139"/>
      <c r="U657" s="139"/>
      <c r="V657" s="139"/>
      <c r="W657" s="139"/>
      <c r="X657" s="139"/>
      <c r="Y657" s="139"/>
      <c r="Z657" s="139"/>
      <c r="AA657" s="139"/>
      <c r="AB657" s="139"/>
      <c r="AC657" s="139"/>
      <c r="AD657" s="139"/>
      <c r="AE657" s="139"/>
      <c r="AF657" s="139"/>
      <c r="AG657" s="139"/>
      <c r="AH657" s="139"/>
      <c r="AI657" s="139"/>
      <c r="AJ657" s="139"/>
      <c r="AK657" s="126"/>
      <c r="AL657" s="126"/>
    </row>
    <row r="658" spans="1:38" s="76" customFormat="1" ht="13.5" customHeight="1">
      <c r="A658" s="163" t="s">
        <v>126</v>
      </c>
      <c r="B658" s="164"/>
      <c r="C658" s="164"/>
      <c r="D658" s="164"/>
      <c r="E658" s="164"/>
      <c r="F658" s="164"/>
      <c r="G658" s="164"/>
      <c r="H658" s="164"/>
      <c r="I658" s="164"/>
      <c r="J658" s="164"/>
      <c r="K658" s="164"/>
      <c r="L658" s="164"/>
      <c r="M658" s="164"/>
      <c r="N658" s="164"/>
      <c r="O658" s="139"/>
      <c r="P658" s="139"/>
      <c r="Q658" s="139"/>
      <c r="R658" s="139"/>
      <c r="S658" s="139"/>
      <c r="T658" s="139"/>
      <c r="U658" s="139"/>
      <c r="V658" s="139"/>
      <c r="W658" s="139"/>
      <c r="X658" s="139"/>
      <c r="Y658" s="139"/>
      <c r="Z658" s="139"/>
      <c r="AA658" s="139"/>
      <c r="AB658" s="139"/>
      <c r="AC658" s="139"/>
      <c r="AD658" s="139"/>
      <c r="AE658" s="139"/>
      <c r="AF658" s="139"/>
      <c r="AG658" s="139"/>
      <c r="AH658" s="139"/>
      <c r="AI658" s="139"/>
      <c r="AJ658" s="139"/>
      <c r="AK658" s="126"/>
      <c r="AL658" s="126"/>
    </row>
    <row r="659" spans="1:38" s="76" customFormat="1" ht="13.5" customHeight="1" thickBot="1">
      <c r="A659" s="129" t="s">
        <v>289</v>
      </c>
      <c r="B659" s="164"/>
      <c r="C659" s="164"/>
      <c r="D659" s="164"/>
      <c r="E659" s="164"/>
      <c r="F659" s="164"/>
      <c r="G659" s="164"/>
      <c r="H659" s="164"/>
      <c r="I659" s="164"/>
      <c r="J659" s="164"/>
      <c r="K659" s="164"/>
      <c r="L659" s="164"/>
      <c r="M659" s="164"/>
      <c r="N659" s="164"/>
      <c r="O659" s="139"/>
      <c r="P659" s="139"/>
      <c r="Q659" s="139"/>
      <c r="R659" s="139"/>
      <c r="S659" s="139"/>
      <c r="T659" s="139"/>
      <c r="U659" s="139"/>
      <c r="V659" s="139"/>
      <c r="W659" s="139"/>
      <c r="X659" s="139"/>
      <c r="Y659" s="139"/>
      <c r="Z659" s="139"/>
      <c r="AA659" s="139"/>
      <c r="AB659" s="139"/>
      <c r="AC659" s="139"/>
      <c r="AD659" s="139"/>
      <c r="AE659" s="139"/>
      <c r="AF659" s="139"/>
      <c r="AG659" s="139"/>
      <c r="AH659" s="139"/>
      <c r="AI659" s="139"/>
      <c r="AJ659" s="139"/>
      <c r="AK659" s="126"/>
      <c r="AL659" s="126"/>
    </row>
    <row r="660" spans="1:38" s="76" customFormat="1" ht="13.5" customHeight="1" thickTop="1">
      <c r="A660" s="266">
        <v>74</v>
      </c>
      <c r="B660" s="302"/>
      <c r="C660" s="248" t="s">
        <v>551</v>
      </c>
      <c r="D660" s="249"/>
      <c r="E660" s="249"/>
      <c r="F660" s="249"/>
      <c r="G660" s="249"/>
      <c r="H660" s="249"/>
      <c r="I660" s="249"/>
      <c r="J660" s="249"/>
      <c r="K660" s="249"/>
      <c r="L660" s="249"/>
      <c r="M660" s="249"/>
      <c r="N660" s="249"/>
      <c r="O660" s="249"/>
      <c r="P660" s="249"/>
      <c r="Q660" s="249"/>
      <c r="R660" s="249"/>
      <c r="S660" s="249"/>
      <c r="T660" s="249"/>
      <c r="U660" s="249"/>
      <c r="V660" s="249"/>
      <c r="W660" s="249"/>
      <c r="X660" s="249"/>
      <c r="Y660" s="249"/>
      <c r="Z660" s="249"/>
      <c r="AA660" s="249"/>
      <c r="AB660" s="249"/>
      <c r="AC660" s="249"/>
      <c r="AD660" s="249"/>
      <c r="AE660" s="249"/>
      <c r="AF660" s="249"/>
      <c r="AG660" s="249"/>
      <c r="AH660" s="249"/>
      <c r="AI660" s="249"/>
      <c r="AJ660" s="304"/>
      <c r="AK660" s="275"/>
      <c r="AL660" s="276"/>
    </row>
    <row r="661" spans="1:38" s="76" customFormat="1" ht="13.5" customHeight="1" thickBot="1">
      <c r="A661" s="268"/>
      <c r="B661" s="303"/>
      <c r="C661" s="252"/>
      <c r="D661" s="253"/>
      <c r="E661" s="253"/>
      <c r="F661" s="253"/>
      <c r="G661" s="253"/>
      <c r="H661" s="253"/>
      <c r="I661" s="253"/>
      <c r="J661" s="253"/>
      <c r="K661" s="253"/>
      <c r="L661" s="253"/>
      <c r="M661" s="253"/>
      <c r="N661" s="253"/>
      <c r="O661" s="253"/>
      <c r="P661" s="253"/>
      <c r="Q661" s="253"/>
      <c r="R661" s="253"/>
      <c r="S661" s="253"/>
      <c r="T661" s="253"/>
      <c r="U661" s="253"/>
      <c r="V661" s="253"/>
      <c r="W661" s="253"/>
      <c r="X661" s="253"/>
      <c r="Y661" s="253"/>
      <c r="Z661" s="253"/>
      <c r="AA661" s="253"/>
      <c r="AB661" s="253"/>
      <c r="AC661" s="253"/>
      <c r="AD661" s="253"/>
      <c r="AE661" s="253"/>
      <c r="AF661" s="253"/>
      <c r="AG661" s="253"/>
      <c r="AH661" s="253"/>
      <c r="AI661" s="253"/>
      <c r="AJ661" s="305"/>
      <c r="AK661" s="277"/>
      <c r="AL661" s="278"/>
    </row>
    <row r="662" spans="1:38" s="76" customFormat="1" ht="13.5" customHeight="1" thickTop="1" thickBot="1">
      <c r="A662" s="125"/>
      <c r="B662" s="125"/>
      <c r="C662" s="180"/>
      <c r="D662" s="139"/>
      <c r="E662" s="139"/>
      <c r="F662" s="139"/>
      <c r="G662" s="139"/>
      <c r="H662" s="139"/>
      <c r="I662" s="139"/>
      <c r="J662" s="139"/>
      <c r="K662" s="139"/>
      <c r="L662" s="139"/>
      <c r="M662" s="139"/>
      <c r="N662" s="139"/>
      <c r="O662" s="139"/>
      <c r="P662" s="139"/>
      <c r="Q662" s="139"/>
      <c r="R662" s="139"/>
      <c r="S662" s="139"/>
      <c r="T662" s="139"/>
      <c r="U662" s="139"/>
      <c r="V662" s="139"/>
      <c r="W662" s="139"/>
      <c r="X662" s="139"/>
      <c r="Y662" s="139"/>
      <c r="Z662" s="139"/>
      <c r="AA662" s="139"/>
      <c r="AB662" s="139"/>
      <c r="AC662" s="139"/>
      <c r="AD662" s="139"/>
      <c r="AE662" s="139"/>
      <c r="AF662" s="139"/>
      <c r="AG662" s="139"/>
      <c r="AH662" s="139"/>
      <c r="AI662" s="139"/>
      <c r="AJ662" s="139"/>
      <c r="AK662" s="126"/>
      <c r="AL662" s="126"/>
    </row>
    <row r="663" spans="1:38" s="76" customFormat="1" ht="13.5" customHeight="1" thickTop="1">
      <c r="A663" s="266">
        <v>75</v>
      </c>
      <c r="B663" s="302"/>
      <c r="C663" s="248" t="s">
        <v>552</v>
      </c>
      <c r="D663" s="249"/>
      <c r="E663" s="249"/>
      <c r="F663" s="249"/>
      <c r="G663" s="249"/>
      <c r="H663" s="249"/>
      <c r="I663" s="249"/>
      <c r="J663" s="249"/>
      <c r="K663" s="249"/>
      <c r="L663" s="249"/>
      <c r="M663" s="249"/>
      <c r="N663" s="249"/>
      <c r="O663" s="249"/>
      <c r="P663" s="249"/>
      <c r="Q663" s="249"/>
      <c r="R663" s="249"/>
      <c r="S663" s="249"/>
      <c r="T663" s="249"/>
      <c r="U663" s="249"/>
      <c r="V663" s="249"/>
      <c r="W663" s="249"/>
      <c r="X663" s="249"/>
      <c r="Y663" s="249"/>
      <c r="Z663" s="249"/>
      <c r="AA663" s="249"/>
      <c r="AB663" s="249"/>
      <c r="AC663" s="249"/>
      <c r="AD663" s="249"/>
      <c r="AE663" s="249"/>
      <c r="AF663" s="249"/>
      <c r="AG663" s="249"/>
      <c r="AH663" s="249"/>
      <c r="AI663" s="249"/>
      <c r="AJ663" s="249"/>
      <c r="AK663" s="275"/>
      <c r="AL663" s="276"/>
    </row>
    <row r="664" spans="1:38" s="76" customFormat="1" ht="13.5" customHeight="1" thickBot="1">
      <c r="A664" s="268"/>
      <c r="B664" s="303"/>
      <c r="C664" s="250"/>
      <c r="D664" s="251"/>
      <c r="E664" s="251"/>
      <c r="F664" s="251"/>
      <c r="G664" s="251"/>
      <c r="H664" s="251"/>
      <c r="I664" s="251"/>
      <c r="J664" s="251"/>
      <c r="K664" s="251"/>
      <c r="L664" s="251"/>
      <c r="M664" s="251"/>
      <c r="N664" s="251"/>
      <c r="O664" s="251"/>
      <c r="P664" s="251"/>
      <c r="Q664" s="251"/>
      <c r="R664" s="251"/>
      <c r="S664" s="251"/>
      <c r="T664" s="251"/>
      <c r="U664" s="251"/>
      <c r="V664" s="251"/>
      <c r="W664" s="251"/>
      <c r="X664" s="251"/>
      <c r="Y664" s="251"/>
      <c r="Z664" s="251"/>
      <c r="AA664" s="251"/>
      <c r="AB664" s="251"/>
      <c r="AC664" s="251"/>
      <c r="AD664" s="251"/>
      <c r="AE664" s="251"/>
      <c r="AF664" s="251"/>
      <c r="AG664" s="251"/>
      <c r="AH664" s="251"/>
      <c r="AI664" s="251"/>
      <c r="AJ664" s="251"/>
      <c r="AK664" s="277"/>
      <c r="AL664" s="278"/>
    </row>
    <row r="665" spans="1:38" s="76" customFormat="1" ht="13.5" customHeight="1" thickTop="1">
      <c r="A665" s="125"/>
      <c r="B665" s="125"/>
      <c r="C665" s="252"/>
      <c r="D665" s="253"/>
      <c r="E665" s="253"/>
      <c r="F665" s="253"/>
      <c r="G665" s="253"/>
      <c r="H665" s="253"/>
      <c r="I665" s="253"/>
      <c r="J665" s="253"/>
      <c r="K665" s="253"/>
      <c r="L665" s="253"/>
      <c r="M665" s="253"/>
      <c r="N665" s="253"/>
      <c r="O665" s="253"/>
      <c r="P665" s="253"/>
      <c r="Q665" s="253"/>
      <c r="R665" s="253"/>
      <c r="S665" s="253"/>
      <c r="T665" s="253"/>
      <c r="U665" s="253"/>
      <c r="V665" s="253"/>
      <c r="W665" s="253"/>
      <c r="X665" s="253"/>
      <c r="Y665" s="253"/>
      <c r="Z665" s="253"/>
      <c r="AA665" s="253"/>
      <c r="AB665" s="253"/>
      <c r="AC665" s="253"/>
      <c r="AD665" s="253"/>
      <c r="AE665" s="253"/>
      <c r="AF665" s="253"/>
      <c r="AG665" s="253"/>
      <c r="AH665" s="253"/>
      <c r="AI665" s="253"/>
      <c r="AJ665" s="253"/>
      <c r="AK665" s="130"/>
      <c r="AL665" s="126"/>
    </row>
    <row r="666" spans="1:38" s="76" customFormat="1" ht="13.5" customHeight="1" thickBot="1">
      <c r="A666" s="125"/>
      <c r="B666" s="125"/>
      <c r="C666" s="139"/>
      <c r="D666" s="139"/>
      <c r="E666" s="139"/>
      <c r="F666" s="139"/>
      <c r="G666" s="139"/>
      <c r="H666" s="139"/>
      <c r="I666" s="139"/>
      <c r="J666" s="139"/>
      <c r="K666" s="139"/>
      <c r="L666" s="139"/>
      <c r="M666" s="139"/>
      <c r="N666" s="139"/>
      <c r="O666" s="139"/>
      <c r="P666" s="139"/>
      <c r="Q666" s="139"/>
      <c r="R666" s="139"/>
      <c r="S666" s="139"/>
      <c r="T666" s="139"/>
      <c r="U666" s="139"/>
      <c r="V666" s="139"/>
      <c r="W666" s="139"/>
      <c r="X666" s="139"/>
      <c r="Y666" s="139"/>
      <c r="Z666" s="139"/>
      <c r="AA666" s="139"/>
      <c r="AB666" s="139"/>
      <c r="AC666" s="139"/>
      <c r="AD666" s="139"/>
      <c r="AE666" s="139"/>
      <c r="AF666" s="139"/>
      <c r="AG666" s="139"/>
      <c r="AH666" s="139"/>
      <c r="AI666" s="139"/>
      <c r="AJ666" s="139"/>
      <c r="AK666" s="126"/>
      <c r="AL666" s="126"/>
    </row>
    <row r="667" spans="1:38" s="76" customFormat="1" ht="13.5" customHeight="1" thickTop="1">
      <c r="A667" s="266">
        <v>76</v>
      </c>
      <c r="B667" s="302"/>
      <c r="C667" s="248" t="s">
        <v>553</v>
      </c>
      <c r="D667" s="249"/>
      <c r="E667" s="249"/>
      <c r="F667" s="249"/>
      <c r="G667" s="249"/>
      <c r="H667" s="249"/>
      <c r="I667" s="249"/>
      <c r="J667" s="249"/>
      <c r="K667" s="249"/>
      <c r="L667" s="249"/>
      <c r="M667" s="249"/>
      <c r="N667" s="249"/>
      <c r="O667" s="249"/>
      <c r="P667" s="249"/>
      <c r="Q667" s="249"/>
      <c r="R667" s="249"/>
      <c r="S667" s="249"/>
      <c r="T667" s="249"/>
      <c r="U667" s="249"/>
      <c r="V667" s="249"/>
      <c r="W667" s="249"/>
      <c r="X667" s="249"/>
      <c r="Y667" s="249"/>
      <c r="Z667" s="249"/>
      <c r="AA667" s="249"/>
      <c r="AB667" s="249"/>
      <c r="AC667" s="249"/>
      <c r="AD667" s="249"/>
      <c r="AE667" s="249"/>
      <c r="AF667" s="249"/>
      <c r="AG667" s="249"/>
      <c r="AH667" s="249"/>
      <c r="AI667" s="249"/>
      <c r="AJ667" s="249"/>
      <c r="AK667" s="275"/>
      <c r="AL667" s="276"/>
    </row>
    <row r="668" spans="1:38" s="76" customFormat="1" ht="13.5" customHeight="1" thickBot="1">
      <c r="A668" s="268"/>
      <c r="B668" s="303"/>
      <c r="C668" s="250"/>
      <c r="D668" s="251"/>
      <c r="E668" s="251"/>
      <c r="F668" s="251"/>
      <c r="G668" s="251"/>
      <c r="H668" s="251"/>
      <c r="I668" s="251"/>
      <c r="J668" s="251"/>
      <c r="K668" s="251"/>
      <c r="L668" s="251"/>
      <c r="M668" s="251"/>
      <c r="N668" s="251"/>
      <c r="O668" s="251"/>
      <c r="P668" s="251"/>
      <c r="Q668" s="251"/>
      <c r="R668" s="251"/>
      <c r="S668" s="251"/>
      <c r="T668" s="251"/>
      <c r="U668" s="251"/>
      <c r="V668" s="251"/>
      <c r="W668" s="251"/>
      <c r="X668" s="251"/>
      <c r="Y668" s="251"/>
      <c r="Z668" s="251"/>
      <c r="AA668" s="251"/>
      <c r="AB668" s="251"/>
      <c r="AC668" s="251"/>
      <c r="AD668" s="251"/>
      <c r="AE668" s="251"/>
      <c r="AF668" s="251"/>
      <c r="AG668" s="251"/>
      <c r="AH668" s="251"/>
      <c r="AI668" s="251"/>
      <c r="AJ668" s="251"/>
      <c r="AK668" s="277"/>
      <c r="AL668" s="278"/>
    </row>
    <row r="669" spans="1:38" s="76" customFormat="1" ht="13.5" customHeight="1" thickTop="1">
      <c r="A669" s="125"/>
      <c r="B669" s="125"/>
      <c r="C669" s="252"/>
      <c r="D669" s="253"/>
      <c r="E669" s="253"/>
      <c r="F669" s="253"/>
      <c r="G669" s="253"/>
      <c r="H669" s="253"/>
      <c r="I669" s="253"/>
      <c r="J669" s="253"/>
      <c r="K669" s="253"/>
      <c r="L669" s="253"/>
      <c r="M669" s="253"/>
      <c r="N669" s="253"/>
      <c r="O669" s="253"/>
      <c r="P669" s="253"/>
      <c r="Q669" s="253"/>
      <c r="R669" s="253"/>
      <c r="S669" s="253"/>
      <c r="T669" s="253"/>
      <c r="U669" s="253"/>
      <c r="V669" s="253"/>
      <c r="W669" s="253"/>
      <c r="X669" s="253"/>
      <c r="Y669" s="253"/>
      <c r="Z669" s="253"/>
      <c r="AA669" s="253"/>
      <c r="AB669" s="253"/>
      <c r="AC669" s="253"/>
      <c r="AD669" s="253"/>
      <c r="AE669" s="253"/>
      <c r="AF669" s="253"/>
      <c r="AG669" s="253"/>
      <c r="AH669" s="253"/>
      <c r="AI669" s="253"/>
      <c r="AJ669" s="253"/>
      <c r="AK669" s="130"/>
      <c r="AL669" s="126"/>
    </row>
    <row r="670" spans="1:38" s="76" customFormat="1" ht="13.5" customHeight="1" thickBot="1">
      <c r="A670" s="125"/>
      <c r="B670" s="125"/>
      <c r="C670" s="126"/>
      <c r="D670" s="126"/>
      <c r="E670" s="126"/>
      <c r="F670" s="126"/>
      <c r="G670" s="126"/>
      <c r="H670" s="126"/>
      <c r="I670" s="126"/>
      <c r="J670" s="126"/>
      <c r="K670" s="126"/>
      <c r="L670" s="126"/>
      <c r="M670" s="126"/>
      <c r="N670" s="126"/>
      <c r="O670" s="126"/>
      <c r="P670" s="126"/>
      <c r="Q670" s="126"/>
      <c r="R670" s="126"/>
      <c r="S670" s="126"/>
      <c r="T670" s="126"/>
      <c r="U670" s="126"/>
      <c r="V670" s="126"/>
      <c r="W670" s="126"/>
      <c r="X670" s="126"/>
      <c r="Y670" s="126"/>
      <c r="Z670" s="126"/>
      <c r="AA670" s="126"/>
      <c r="AB670" s="126"/>
      <c r="AC670" s="126"/>
      <c r="AD670" s="126"/>
      <c r="AE670" s="126"/>
      <c r="AF670" s="126"/>
      <c r="AG670" s="126"/>
      <c r="AH670" s="126"/>
      <c r="AI670" s="126"/>
      <c r="AJ670" s="126"/>
      <c r="AK670" s="126"/>
      <c r="AL670" s="126"/>
    </row>
    <row r="671" spans="1:38" s="76" customFormat="1" ht="13.5" customHeight="1" thickTop="1">
      <c r="B671" s="148"/>
      <c r="C671" s="306" t="s">
        <v>189</v>
      </c>
      <c r="D671" s="262"/>
      <c r="E671" s="262"/>
      <c r="F671" s="262"/>
      <c r="G671" s="262"/>
      <c r="H671" s="262"/>
      <c r="I671" s="262"/>
      <c r="J671" s="262"/>
      <c r="K671" s="262"/>
      <c r="L671" s="262"/>
      <c r="M671" s="262"/>
      <c r="N671" s="262"/>
      <c r="O671" s="262"/>
      <c r="P671" s="262"/>
      <c r="Q671" s="262"/>
      <c r="R671" s="262"/>
      <c r="S671" s="262"/>
      <c r="T671" s="262"/>
      <c r="U671" s="262"/>
      <c r="V671" s="262"/>
      <c r="W671" s="262"/>
      <c r="X671" s="262"/>
      <c r="Y671" s="262"/>
      <c r="Z671" s="262"/>
      <c r="AA671" s="262"/>
      <c r="AB671" s="262"/>
      <c r="AC671" s="262"/>
      <c r="AD671" s="262"/>
      <c r="AE671" s="262"/>
      <c r="AF671" s="262"/>
      <c r="AG671" s="262"/>
      <c r="AH671" s="262"/>
      <c r="AI671" s="262"/>
      <c r="AJ671" s="262"/>
      <c r="AK671" s="181"/>
      <c r="AL671" s="182"/>
    </row>
    <row r="672" spans="1:38" s="76" customFormat="1" ht="13.5" customHeight="1" thickBot="1">
      <c r="B672" s="148"/>
      <c r="C672" s="307"/>
      <c r="D672" s="281"/>
      <c r="E672" s="281"/>
      <c r="F672" s="281"/>
      <c r="G672" s="281"/>
      <c r="H672" s="281"/>
      <c r="I672" s="281"/>
      <c r="J672" s="281"/>
      <c r="K672" s="281"/>
      <c r="L672" s="281"/>
      <c r="M672" s="281"/>
      <c r="N672" s="281"/>
      <c r="O672" s="281"/>
      <c r="P672" s="281"/>
      <c r="Q672" s="281"/>
      <c r="R672" s="281"/>
      <c r="S672" s="281"/>
      <c r="T672" s="281"/>
      <c r="U672" s="281"/>
      <c r="V672" s="281"/>
      <c r="W672" s="281"/>
      <c r="X672" s="281"/>
      <c r="Y672" s="281"/>
      <c r="Z672" s="281"/>
      <c r="AA672" s="281"/>
      <c r="AB672" s="281"/>
      <c r="AC672" s="281"/>
      <c r="AD672" s="281"/>
      <c r="AE672" s="281"/>
      <c r="AF672" s="281"/>
      <c r="AG672" s="281"/>
      <c r="AH672" s="281"/>
      <c r="AI672" s="281"/>
      <c r="AJ672" s="281"/>
      <c r="AK672" s="183"/>
      <c r="AL672" s="184"/>
    </row>
    <row r="673" spans="1:38" s="76" customFormat="1" ht="13.5" customHeight="1" thickTop="1">
      <c r="B673" s="148"/>
      <c r="C673" s="308"/>
      <c r="D673" s="284"/>
      <c r="E673" s="284"/>
      <c r="F673" s="284"/>
      <c r="G673" s="284"/>
      <c r="H673" s="284"/>
      <c r="I673" s="284"/>
      <c r="J673" s="284"/>
      <c r="K673" s="284"/>
      <c r="L673" s="284"/>
      <c r="M673" s="284"/>
      <c r="N673" s="284"/>
      <c r="O673" s="284"/>
      <c r="P673" s="284"/>
      <c r="Q673" s="284"/>
      <c r="R673" s="284"/>
      <c r="S673" s="284"/>
      <c r="T673" s="284"/>
      <c r="U673" s="284"/>
      <c r="V673" s="284"/>
      <c r="W673" s="284"/>
      <c r="X673" s="284"/>
      <c r="Y673" s="284"/>
      <c r="Z673" s="284"/>
      <c r="AA673" s="284"/>
      <c r="AB673" s="284"/>
      <c r="AC673" s="284"/>
      <c r="AD673" s="284"/>
      <c r="AE673" s="284"/>
      <c r="AF673" s="284"/>
      <c r="AG673" s="284"/>
      <c r="AH673" s="284"/>
      <c r="AI673" s="284"/>
      <c r="AJ673" s="313"/>
      <c r="AK673" s="138"/>
      <c r="AL673" s="162"/>
    </row>
    <row r="674" spans="1:38" s="76" customFormat="1" ht="13.5" customHeight="1" thickBot="1">
      <c r="A674" s="125"/>
      <c r="B674" s="125"/>
      <c r="C674" s="139"/>
      <c r="D674" s="139"/>
      <c r="E674" s="139"/>
      <c r="F674" s="139"/>
      <c r="G674" s="139"/>
      <c r="H674" s="139"/>
      <c r="I674" s="139"/>
      <c r="J674" s="139"/>
      <c r="K674" s="139"/>
      <c r="L674" s="139"/>
      <c r="M674" s="139"/>
      <c r="N674" s="139"/>
      <c r="O674" s="139"/>
      <c r="P674" s="139"/>
      <c r="Q674" s="139"/>
      <c r="R674" s="139"/>
      <c r="S674" s="139"/>
      <c r="T674" s="139"/>
      <c r="U674" s="139"/>
      <c r="V674" s="139"/>
      <c r="W674" s="139"/>
      <c r="X674" s="139"/>
      <c r="Y674" s="139"/>
      <c r="Z674" s="139"/>
      <c r="AA674" s="139"/>
      <c r="AB674" s="139"/>
      <c r="AC674" s="139"/>
      <c r="AD674" s="139"/>
      <c r="AE674" s="139"/>
      <c r="AF674" s="139"/>
      <c r="AG674" s="139"/>
      <c r="AH674" s="139"/>
      <c r="AI674" s="139"/>
      <c r="AJ674" s="139"/>
      <c r="AK674" s="126"/>
      <c r="AL674" s="126"/>
    </row>
    <row r="675" spans="1:38" s="76" customFormat="1" ht="13.5" customHeight="1" thickTop="1">
      <c r="A675" s="266">
        <v>77</v>
      </c>
      <c r="B675" s="302"/>
      <c r="C675" s="270" t="s">
        <v>554</v>
      </c>
      <c r="D675" s="271"/>
      <c r="E675" s="271"/>
      <c r="F675" s="271"/>
      <c r="G675" s="271"/>
      <c r="H675" s="271"/>
      <c r="I675" s="271"/>
      <c r="J675" s="271"/>
      <c r="K675" s="271"/>
      <c r="L675" s="271"/>
      <c r="M675" s="271"/>
      <c r="N675" s="271"/>
      <c r="O675" s="271"/>
      <c r="P675" s="271"/>
      <c r="Q675" s="271"/>
      <c r="R675" s="271"/>
      <c r="S675" s="271"/>
      <c r="T675" s="271"/>
      <c r="U675" s="271"/>
      <c r="V675" s="271"/>
      <c r="W675" s="271"/>
      <c r="X675" s="271"/>
      <c r="Y675" s="271"/>
      <c r="Z675" s="271"/>
      <c r="AA675" s="271"/>
      <c r="AB675" s="271"/>
      <c r="AC675" s="271"/>
      <c r="AD675" s="271"/>
      <c r="AE675" s="271"/>
      <c r="AF675" s="271"/>
      <c r="AG675" s="271"/>
      <c r="AH675" s="271"/>
      <c r="AI675" s="271"/>
      <c r="AJ675" s="279"/>
      <c r="AK675" s="275"/>
      <c r="AL675" s="276"/>
    </row>
    <row r="676" spans="1:38" s="76" customFormat="1" ht="13.5" customHeight="1" thickBot="1">
      <c r="A676" s="268"/>
      <c r="B676" s="303"/>
      <c r="C676" s="273"/>
      <c r="D676" s="274"/>
      <c r="E676" s="274"/>
      <c r="F676" s="274"/>
      <c r="G676" s="274"/>
      <c r="H676" s="274"/>
      <c r="I676" s="274"/>
      <c r="J676" s="274"/>
      <c r="K676" s="274"/>
      <c r="L676" s="274"/>
      <c r="M676" s="274"/>
      <c r="N676" s="274"/>
      <c r="O676" s="274"/>
      <c r="P676" s="274"/>
      <c r="Q676" s="274"/>
      <c r="R676" s="274"/>
      <c r="S676" s="274"/>
      <c r="T676" s="274"/>
      <c r="U676" s="274"/>
      <c r="V676" s="274"/>
      <c r="W676" s="274"/>
      <c r="X676" s="274"/>
      <c r="Y676" s="274"/>
      <c r="Z676" s="274"/>
      <c r="AA676" s="274"/>
      <c r="AB676" s="274"/>
      <c r="AC676" s="274"/>
      <c r="AD676" s="274"/>
      <c r="AE676" s="274"/>
      <c r="AF676" s="274"/>
      <c r="AG676" s="274"/>
      <c r="AH676" s="274"/>
      <c r="AI676" s="274"/>
      <c r="AJ676" s="280"/>
      <c r="AK676" s="277"/>
      <c r="AL676" s="278"/>
    </row>
    <row r="677" spans="1:38" s="76" customFormat="1" ht="11.15" customHeight="1" thickTop="1" thickBot="1"/>
    <row r="678" spans="1:38" s="76" customFormat="1" ht="13.5" customHeight="1" thickTop="1">
      <c r="A678" s="266">
        <v>78</v>
      </c>
      <c r="B678" s="302"/>
      <c r="C678" s="270" t="s">
        <v>555</v>
      </c>
      <c r="D678" s="271"/>
      <c r="E678" s="271"/>
      <c r="F678" s="271"/>
      <c r="G678" s="271"/>
      <c r="H678" s="271"/>
      <c r="I678" s="271"/>
      <c r="J678" s="271"/>
      <c r="K678" s="271"/>
      <c r="L678" s="271"/>
      <c r="M678" s="271"/>
      <c r="N678" s="271"/>
      <c r="O678" s="271"/>
      <c r="P678" s="271"/>
      <c r="Q678" s="271"/>
      <c r="R678" s="271"/>
      <c r="S678" s="271"/>
      <c r="T678" s="271"/>
      <c r="U678" s="271"/>
      <c r="V678" s="271"/>
      <c r="W678" s="271"/>
      <c r="X678" s="271"/>
      <c r="Y678" s="271"/>
      <c r="Z678" s="271"/>
      <c r="AA678" s="271"/>
      <c r="AB678" s="271"/>
      <c r="AC678" s="271"/>
      <c r="AD678" s="271"/>
      <c r="AE678" s="271"/>
      <c r="AF678" s="271"/>
      <c r="AG678" s="271"/>
      <c r="AH678" s="271"/>
      <c r="AI678" s="271"/>
      <c r="AJ678" s="279"/>
      <c r="AK678" s="275"/>
      <c r="AL678" s="276"/>
    </row>
    <row r="679" spans="1:38" s="76" customFormat="1" ht="13.5" customHeight="1" thickBot="1">
      <c r="A679" s="268"/>
      <c r="B679" s="303"/>
      <c r="C679" s="273"/>
      <c r="D679" s="274"/>
      <c r="E679" s="274"/>
      <c r="F679" s="274"/>
      <c r="G679" s="274"/>
      <c r="H679" s="274"/>
      <c r="I679" s="274"/>
      <c r="J679" s="274"/>
      <c r="K679" s="274"/>
      <c r="L679" s="274"/>
      <c r="M679" s="274"/>
      <c r="N679" s="274"/>
      <c r="O679" s="274"/>
      <c r="P679" s="274"/>
      <c r="Q679" s="274"/>
      <c r="R679" s="274"/>
      <c r="S679" s="274"/>
      <c r="T679" s="274"/>
      <c r="U679" s="274"/>
      <c r="V679" s="274"/>
      <c r="W679" s="274"/>
      <c r="X679" s="274"/>
      <c r="Y679" s="274"/>
      <c r="Z679" s="274"/>
      <c r="AA679" s="274"/>
      <c r="AB679" s="274"/>
      <c r="AC679" s="274"/>
      <c r="AD679" s="274"/>
      <c r="AE679" s="274"/>
      <c r="AF679" s="274"/>
      <c r="AG679" s="274"/>
      <c r="AH679" s="274"/>
      <c r="AI679" s="274"/>
      <c r="AJ679" s="280"/>
      <c r="AK679" s="277"/>
      <c r="AL679" s="278"/>
    </row>
    <row r="680" spans="1:38" s="76" customFormat="1" ht="12" customHeight="1" thickTop="1">
      <c r="A680" s="125"/>
      <c r="B680" s="125"/>
      <c r="C680" s="133"/>
      <c r="D680" s="133"/>
      <c r="E680" s="133"/>
      <c r="F680" s="133"/>
      <c r="G680" s="133"/>
      <c r="H680" s="133"/>
      <c r="I680" s="133"/>
      <c r="J680" s="133"/>
      <c r="K680" s="133"/>
      <c r="L680" s="133"/>
      <c r="M680" s="133"/>
      <c r="N680" s="133"/>
      <c r="O680" s="133"/>
      <c r="P680" s="133"/>
      <c r="Q680" s="133"/>
      <c r="R680" s="133"/>
      <c r="S680" s="133"/>
      <c r="T680" s="133"/>
      <c r="U680" s="133"/>
      <c r="V680" s="133"/>
      <c r="W680" s="133"/>
      <c r="X680" s="133"/>
      <c r="Y680" s="133"/>
      <c r="Z680" s="133"/>
      <c r="AA680" s="133"/>
      <c r="AB680" s="133"/>
      <c r="AC680" s="133"/>
      <c r="AD680" s="133"/>
      <c r="AE680" s="133"/>
      <c r="AF680" s="133"/>
      <c r="AG680" s="133"/>
      <c r="AH680" s="133"/>
      <c r="AI680" s="133"/>
      <c r="AJ680" s="133"/>
      <c r="AK680" s="126"/>
      <c r="AL680" s="126"/>
    </row>
    <row r="681" spans="1:38" s="76" customFormat="1" ht="13.5" customHeight="1">
      <c r="A681" s="127" t="s">
        <v>127</v>
      </c>
    </row>
    <row r="682" spans="1:38" s="76" customFormat="1" ht="13.5" customHeight="1" thickBot="1">
      <c r="A682" s="129" t="s">
        <v>231</v>
      </c>
    </row>
    <row r="683" spans="1:38" s="76" customFormat="1" ht="13.5" customHeight="1" thickTop="1">
      <c r="A683" s="266">
        <v>79</v>
      </c>
      <c r="B683" s="302"/>
      <c r="C683" s="248" t="s">
        <v>556</v>
      </c>
      <c r="D683" s="249"/>
      <c r="E683" s="249"/>
      <c r="F683" s="249"/>
      <c r="G683" s="249"/>
      <c r="H683" s="249"/>
      <c r="I683" s="249"/>
      <c r="J683" s="249"/>
      <c r="K683" s="249"/>
      <c r="L683" s="249"/>
      <c r="M683" s="249"/>
      <c r="N683" s="249"/>
      <c r="O683" s="249"/>
      <c r="P683" s="249"/>
      <c r="Q683" s="249"/>
      <c r="R683" s="249"/>
      <c r="S683" s="249"/>
      <c r="T683" s="249"/>
      <c r="U683" s="249"/>
      <c r="V683" s="249"/>
      <c r="W683" s="249"/>
      <c r="X683" s="249"/>
      <c r="Y683" s="249"/>
      <c r="Z683" s="249"/>
      <c r="AA683" s="249"/>
      <c r="AB683" s="249"/>
      <c r="AC683" s="249"/>
      <c r="AD683" s="249"/>
      <c r="AE683" s="249"/>
      <c r="AF683" s="249"/>
      <c r="AG683" s="249"/>
      <c r="AH683" s="249"/>
      <c r="AI683" s="249"/>
      <c r="AJ683" s="249"/>
      <c r="AK683" s="275"/>
      <c r="AL683" s="276"/>
    </row>
    <row r="684" spans="1:38" s="76" customFormat="1" ht="13.5" customHeight="1" thickBot="1">
      <c r="A684" s="268"/>
      <c r="B684" s="303"/>
      <c r="C684" s="250"/>
      <c r="D684" s="251"/>
      <c r="E684" s="251"/>
      <c r="F684" s="251"/>
      <c r="G684" s="251"/>
      <c r="H684" s="251"/>
      <c r="I684" s="251"/>
      <c r="J684" s="251"/>
      <c r="K684" s="251"/>
      <c r="L684" s="251"/>
      <c r="M684" s="251"/>
      <c r="N684" s="251"/>
      <c r="O684" s="251"/>
      <c r="P684" s="251"/>
      <c r="Q684" s="251"/>
      <c r="R684" s="251"/>
      <c r="S684" s="251"/>
      <c r="T684" s="251"/>
      <c r="U684" s="251"/>
      <c r="V684" s="251"/>
      <c r="W684" s="251"/>
      <c r="X684" s="251"/>
      <c r="Y684" s="251"/>
      <c r="Z684" s="251"/>
      <c r="AA684" s="251"/>
      <c r="AB684" s="251"/>
      <c r="AC684" s="251"/>
      <c r="AD684" s="251"/>
      <c r="AE684" s="251"/>
      <c r="AF684" s="251"/>
      <c r="AG684" s="251"/>
      <c r="AH684" s="251"/>
      <c r="AI684" s="251"/>
      <c r="AJ684" s="251"/>
      <c r="AK684" s="277"/>
      <c r="AL684" s="278"/>
    </row>
    <row r="685" spans="1:38" s="76" customFormat="1" ht="13.5" customHeight="1" thickTop="1">
      <c r="A685" s="125"/>
      <c r="B685" s="125"/>
      <c r="C685" s="252"/>
      <c r="D685" s="253"/>
      <c r="E685" s="253"/>
      <c r="F685" s="253"/>
      <c r="G685" s="253"/>
      <c r="H685" s="253"/>
      <c r="I685" s="253"/>
      <c r="J685" s="253"/>
      <c r="K685" s="253"/>
      <c r="L685" s="253"/>
      <c r="M685" s="253"/>
      <c r="N685" s="253"/>
      <c r="O685" s="253"/>
      <c r="P685" s="253"/>
      <c r="Q685" s="253"/>
      <c r="R685" s="253"/>
      <c r="S685" s="253"/>
      <c r="T685" s="253"/>
      <c r="U685" s="253"/>
      <c r="V685" s="253"/>
      <c r="W685" s="253"/>
      <c r="X685" s="253"/>
      <c r="Y685" s="253"/>
      <c r="Z685" s="253"/>
      <c r="AA685" s="253"/>
      <c r="AB685" s="253"/>
      <c r="AC685" s="253"/>
      <c r="AD685" s="253"/>
      <c r="AE685" s="253"/>
      <c r="AF685" s="253"/>
      <c r="AG685" s="253"/>
      <c r="AH685" s="253"/>
      <c r="AI685" s="253"/>
      <c r="AJ685" s="254"/>
      <c r="AK685" s="126"/>
      <c r="AL685" s="126"/>
    </row>
    <row r="686" spans="1:38" s="76" customFormat="1" ht="13.5" customHeight="1" thickBot="1">
      <c r="A686" s="125"/>
      <c r="B686" s="125"/>
      <c r="C686" s="133"/>
      <c r="D686" s="133"/>
      <c r="E686" s="133"/>
      <c r="F686" s="133"/>
      <c r="G686" s="133"/>
      <c r="H686" s="133"/>
      <c r="I686" s="133"/>
      <c r="J686" s="133"/>
      <c r="K686" s="133"/>
      <c r="L686" s="133"/>
      <c r="M686" s="133"/>
      <c r="N686" s="133"/>
      <c r="O686" s="133"/>
      <c r="P686" s="133"/>
      <c r="Q686" s="133"/>
      <c r="R686" s="133"/>
      <c r="S686" s="133"/>
      <c r="T686" s="133"/>
      <c r="U686" s="133"/>
      <c r="V686" s="133"/>
      <c r="W686" s="133"/>
      <c r="X686" s="133"/>
      <c r="Y686" s="133"/>
      <c r="Z686" s="133"/>
      <c r="AA686" s="133"/>
      <c r="AB686" s="133"/>
      <c r="AC686" s="133"/>
      <c r="AD686" s="133"/>
      <c r="AE686" s="133"/>
      <c r="AF686" s="133"/>
      <c r="AG686" s="133"/>
      <c r="AH686" s="133"/>
      <c r="AI686" s="133"/>
      <c r="AJ686" s="133"/>
      <c r="AK686" s="126"/>
      <c r="AL686" s="126"/>
    </row>
    <row r="687" spans="1:38" s="76" customFormat="1" ht="13.5" customHeight="1" thickTop="1">
      <c r="A687" s="266">
        <v>80</v>
      </c>
      <c r="B687" s="267"/>
      <c r="C687" s="270" t="s">
        <v>557</v>
      </c>
      <c r="D687" s="271"/>
      <c r="E687" s="271"/>
      <c r="F687" s="271"/>
      <c r="G687" s="271"/>
      <c r="H687" s="271"/>
      <c r="I687" s="271"/>
      <c r="J687" s="271"/>
      <c r="K687" s="271"/>
      <c r="L687" s="271"/>
      <c r="M687" s="271"/>
      <c r="N687" s="271"/>
      <c r="O687" s="271"/>
      <c r="P687" s="271"/>
      <c r="Q687" s="271"/>
      <c r="R687" s="271"/>
      <c r="S687" s="271"/>
      <c r="T687" s="271"/>
      <c r="U687" s="271"/>
      <c r="V687" s="271"/>
      <c r="W687" s="271"/>
      <c r="X687" s="271"/>
      <c r="Y687" s="271"/>
      <c r="Z687" s="271"/>
      <c r="AA687" s="271"/>
      <c r="AB687" s="271"/>
      <c r="AC687" s="271"/>
      <c r="AD687" s="271"/>
      <c r="AE687" s="271"/>
      <c r="AF687" s="271"/>
      <c r="AG687" s="271"/>
      <c r="AH687" s="271"/>
      <c r="AI687" s="271"/>
      <c r="AJ687" s="271"/>
      <c r="AK687" s="275"/>
      <c r="AL687" s="276"/>
    </row>
    <row r="688" spans="1:38" s="76" customFormat="1" ht="13.5" customHeight="1" thickBot="1">
      <c r="A688" s="268"/>
      <c r="B688" s="269"/>
      <c r="C688" s="272"/>
      <c r="D688" s="281"/>
      <c r="E688" s="281"/>
      <c r="F688" s="281"/>
      <c r="G688" s="281"/>
      <c r="H688" s="281"/>
      <c r="I688" s="281"/>
      <c r="J688" s="281"/>
      <c r="K688" s="281"/>
      <c r="L688" s="281"/>
      <c r="M688" s="281"/>
      <c r="N688" s="281"/>
      <c r="O688" s="281"/>
      <c r="P688" s="281"/>
      <c r="Q688" s="281"/>
      <c r="R688" s="281"/>
      <c r="S688" s="281"/>
      <c r="T688" s="281"/>
      <c r="U688" s="281"/>
      <c r="V688" s="281"/>
      <c r="W688" s="281"/>
      <c r="X688" s="281"/>
      <c r="Y688" s="281"/>
      <c r="Z688" s="281"/>
      <c r="AA688" s="281"/>
      <c r="AB688" s="281"/>
      <c r="AC688" s="281"/>
      <c r="AD688" s="281"/>
      <c r="AE688" s="281"/>
      <c r="AF688" s="281"/>
      <c r="AG688" s="281"/>
      <c r="AH688" s="281"/>
      <c r="AI688" s="281"/>
      <c r="AJ688" s="281"/>
      <c r="AK688" s="183"/>
      <c r="AL688" s="184"/>
    </row>
    <row r="689" spans="1:38" s="76" customFormat="1" ht="13.5" customHeight="1" thickTop="1">
      <c r="A689" s="125"/>
      <c r="B689" s="185"/>
      <c r="C689" s="272"/>
      <c r="D689" s="281"/>
      <c r="E689" s="281"/>
      <c r="F689" s="281"/>
      <c r="G689" s="281"/>
      <c r="H689" s="281"/>
      <c r="I689" s="281"/>
      <c r="J689" s="281"/>
      <c r="K689" s="281"/>
      <c r="L689" s="281"/>
      <c r="M689" s="281"/>
      <c r="N689" s="281"/>
      <c r="O689" s="281"/>
      <c r="P689" s="281"/>
      <c r="Q689" s="281"/>
      <c r="R689" s="281"/>
      <c r="S689" s="281"/>
      <c r="T689" s="281"/>
      <c r="U689" s="281"/>
      <c r="V689" s="281"/>
      <c r="W689" s="281"/>
      <c r="X689" s="281"/>
      <c r="Y689" s="281"/>
      <c r="Z689" s="281"/>
      <c r="AA689" s="281"/>
      <c r="AB689" s="281"/>
      <c r="AC689" s="281"/>
      <c r="AD689" s="281"/>
      <c r="AE689" s="281"/>
      <c r="AF689" s="281"/>
      <c r="AG689" s="281"/>
      <c r="AH689" s="281"/>
      <c r="AI689" s="281"/>
      <c r="AJ689" s="281"/>
      <c r="AK689" s="130"/>
      <c r="AL689" s="126"/>
    </row>
    <row r="690" spans="1:38" s="76" customFormat="1" ht="13.5" customHeight="1">
      <c r="A690" s="125"/>
      <c r="B690" s="185"/>
      <c r="C690" s="273"/>
      <c r="D690" s="274"/>
      <c r="E690" s="274"/>
      <c r="F690" s="274"/>
      <c r="G690" s="274"/>
      <c r="H690" s="274"/>
      <c r="I690" s="274"/>
      <c r="J690" s="274"/>
      <c r="K690" s="274"/>
      <c r="L690" s="274"/>
      <c r="M690" s="274"/>
      <c r="N690" s="274"/>
      <c r="O690" s="274"/>
      <c r="P690" s="274"/>
      <c r="Q690" s="274"/>
      <c r="R690" s="274"/>
      <c r="S690" s="274"/>
      <c r="T690" s="274"/>
      <c r="U690" s="274"/>
      <c r="V690" s="274"/>
      <c r="W690" s="274"/>
      <c r="X690" s="274"/>
      <c r="Y690" s="274"/>
      <c r="Z690" s="274"/>
      <c r="AA690" s="274"/>
      <c r="AB690" s="274"/>
      <c r="AC690" s="274"/>
      <c r="AD690" s="274"/>
      <c r="AE690" s="274"/>
      <c r="AF690" s="274"/>
      <c r="AG690" s="274"/>
      <c r="AH690" s="274"/>
      <c r="AI690" s="274"/>
      <c r="AJ690" s="274"/>
      <c r="AK690" s="131"/>
      <c r="AL690" s="126"/>
    </row>
    <row r="691" spans="1:38" s="76" customFormat="1" ht="12.65" customHeight="1" thickBot="1">
      <c r="A691" s="125"/>
      <c r="B691" s="125"/>
      <c r="C691" s="133"/>
      <c r="D691" s="133"/>
      <c r="E691" s="133"/>
      <c r="F691" s="133"/>
      <c r="G691" s="133"/>
      <c r="H691" s="133"/>
      <c r="I691" s="133"/>
      <c r="J691" s="133"/>
      <c r="K691" s="133"/>
      <c r="L691" s="133"/>
      <c r="M691" s="133"/>
      <c r="N691" s="133"/>
      <c r="O691" s="133"/>
      <c r="P691" s="133"/>
      <c r="Q691" s="133"/>
      <c r="R691" s="133"/>
      <c r="S691" s="133"/>
      <c r="T691" s="133"/>
      <c r="U691" s="133"/>
      <c r="V691" s="133"/>
      <c r="W691" s="133"/>
      <c r="X691" s="133"/>
      <c r="Y691" s="133"/>
      <c r="Z691" s="133"/>
      <c r="AA691" s="133"/>
      <c r="AB691" s="133"/>
      <c r="AC691" s="133"/>
      <c r="AD691" s="133"/>
      <c r="AE691" s="133"/>
      <c r="AF691" s="133"/>
      <c r="AG691" s="133"/>
      <c r="AH691" s="133"/>
      <c r="AI691" s="133"/>
      <c r="AJ691" s="133"/>
      <c r="AK691" s="126"/>
      <c r="AL691" s="126"/>
    </row>
    <row r="692" spans="1:38" s="76" customFormat="1" ht="13.5" customHeight="1" thickTop="1">
      <c r="A692" s="266">
        <v>81</v>
      </c>
      <c r="B692" s="267"/>
      <c r="C692" s="270" t="s">
        <v>558</v>
      </c>
      <c r="D692" s="271"/>
      <c r="E692" s="271"/>
      <c r="F692" s="271"/>
      <c r="G692" s="271"/>
      <c r="H692" s="271"/>
      <c r="I692" s="271"/>
      <c r="J692" s="271"/>
      <c r="K692" s="271"/>
      <c r="L692" s="271"/>
      <c r="M692" s="271"/>
      <c r="N692" s="271"/>
      <c r="O692" s="271"/>
      <c r="P692" s="271"/>
      <c r="Q692" s="271"/>
      <c r="R692" s="271"/>
      <c r="S692" s="271"/>
      <c r="T692" s="271"/>
      <c r="U692" s="271"/>
      <c r="V692" s="271"/>
      <c r="W692" s="271"/>
      <c r="X692" s="271"/>
      <c r="Y692" s="271"/>
      <c r="Z692" s="271"/>
      <c r="AA692" s="271"/>
      <c r="AB692" s="271"/>
      <c r="AC692" s="271"/>
      <c r="AD692" s="271"/>
      <c r="AE692" s="271"/>
      <c r="AF692" s="271"/>
      <c r="AG692" s="271"/>
      <c r="AH692" s="271"/>
      <c r="AI692" s="271"/>
      <c r="AJ692" s="271"/>
      <c r="AK692" s="275"/>
      <c r="AL692" s="276"/>
    </row>
    <row r="693" spans="1:38" s="76" customFormat="1" ht="13.5" customHeight="1" thickBot="1">
      <c r="A693" s="268"/>
      <c r="B693" s="269"/>
      <c r="C693" s="272"/>
      <c r="D693" s="281"/>
      <c r="E693" s="281"/>
      <c r="F693" s="281"/>
      <c r="G693" s="281"/>
      <c r="H693" s="281"/>
      <c r="I693" s="281"/>
      <c r="J693" s="281"/>
      <c r="K693" s="281"/>
      <c r="L693" s="281"/>
      <c r="M693" s="281"/>
      <c r="N693" s="281"/>
      <c r="O693" s="281"/>
      <c r="P693" s="281"/>
      <c r="Q693" s="281"/>
      <c r="R693" s="281"/>
      <c r="S693" s="281"/>
      <c r="T693" s="281"/>
      <c r="U693" s="281"/>
      <c r="V693" s="281"/>
      <c r="W693" s="281"/>
      <c r="X693" s="281"/>
      <c r="Y693" s="281"/>
      <c r="Z693" s="281"/>
      <c r="AA693" s="281"/>
      <c r="AB693" s="281"/>
      <c r="AC693" s="281"/>
      <c r="AD693" s="281"/>
      <c r="AE693" s="281"/>
      <c r="AF693" s="281"/>
      <c r="AG693" s="281"/>
      <c r="AH693" s="281"/>
      <c r="AI693" s="281"/>
      <c r="AJ693" s="281"/>
      <c r="AK693" s="183"/>
      <c r="AL693" s="184"/>
    </row>
    <row r="694" spans="1:38" s="76" customFormat="1" ht="13.5" customHeight="1" thickTop="1">
      <c r="A694" s="125"/>
      <c r="B694" s="185"/>
      <c r="C694" s="273"/>
      <c r="D694" s="274"/>
      <c r="E694" s="274"/>
      <c r="F694" s="274"/>
      <c r="G694" s="274"/>
      <c r="H694" s="274"/>
      <c r="I694" s="274"/>
      <c r="J694" s="274"/>
      <c r="K694" s="274"/>
      <c r="L694" s="274"/>
      <c r="M694" s="274"/>
      <c r="N694" s="274"/>
      <c r="O694" s="274"/>
      <c r="P694" s="274"/>
      <c r="Q694" s="274"/>
      <c r="R694" s="274"/>
      <c r="S694" s="274"/>
      <c r="T694" s="274"/>
      <c r="U694" s="274"/>
      <c r="V694" s="274"/>
      <c r="W694" s="274"/>
      <c r="X694" s="274"/>
      <c r="Y694" s="274"/>
      <c r="Z694" s="274"/>
      <c r="AA694" s="274"/>
      <c r="AB694" s="274"/>
      <c r="AC694" s="274"/>
      <c r="AD694" s="274"/>
      <c r="AE694" s="274"/>
      <c r="AF694" s="274"/>
      <c r="AG694" s="274"/>
      <c r="AH694" s="274"/>
      <c r="AI694" s="274"/>
      <c r="AJ694" s="274"/>
      <c r="AK694" s="131"/>
      <c r="AL694" s="126"/>
    </row>
    <row r="695" spans="1:38" s="76" customFormat="1" ht="12" customHeight="1" thickBot="1">
      <c r="A695" s="125"/>
      <c r="B695" s="125"/>
      <c r="C695" s="126"/>
      <c r="D695" s="126"/>
      <c r="E695" s="126"/>
      <c r="F695" s="126"/>
      <c r="G695" s="126"/>
      <c r="H695" s="126"/>
      <c r="I695" s="126"/>
      <c r="J695" s="126"/>
      <c r="K695" s="126"/>
      <c r="L695" s="126"/>
      <c r="M695" s="126"/>
      <c r="N695" s="126"/>
      <c r="O695" s="126"/>
      <c r="P695" s="126"/>
      <c r="Q695" s="126"/>
      <c r="R695" s="126"/>
      <c r="S695" s="126"/>
      <c r="T695" s="126"/>
      <c r="U695" s="126"/>
      <c r="V695" s="126"/>
      <c r="W695" s="126"/>
      <c r="X695" s="126"/>
      <c r="Y695" s="126"/>
      <c r="Z695" s="126"/>
      <c r="AA695" s="126"/>
      <c r="AB695" s="126"/>
      <c r="AC695" s="126"/>
      <c r="AD695" s="126"/>
      <c r="AE695" s="126"/>
      <c r="AF695" s="126"/>
      <c r="AG695" s="126"/>
      <c r="AH695" s="126"/>
      <c r="AI695" s="126"/>
      <c r="AJ695" s="126"/>
      <c r="AK695" s="126"/>
      <c r="AL695" s="126"/>
    </row>
    <row r="696" spans="1:38" s="76" customFormat="1" ht="13.5" customHeight="1" thickTop="1">
      <c r="B696" s="148"/>
      <c r="C696" s="306" t="s">
        <v>190</v>
      </c>
      <c r="D696" s="262"/>
      <c r="E696" s="262"/>
      <c r="F696" s="262"/>
      <c r="G696" s="262"/>
      <c r="H696" s="262"/>
      <c r="I696" s="262"/>
      <c r="J696" s="262"/>
      <c r="K696" s="262"/>
      <c r="L696" s="262"/>
      <c r="M696" s="262"/>
      <c r="N696" s="262"/>
      <c r="O696" s="262"/>
      <c r="P696" s="262"/>
      <c r="Q696" s="262"/>
      <c r="R696" s="262"/>
      <c r="S696" s="262"/>
      <c r="T696" s="262"/>
      <c r="U696" s="262"/>
      <c r="V696" s="262"/>
      <c r="W696" s="262"/>
      <c r="X696" s="262"/>
      <c r="Y696" s="262"/>
      <c r="Z696" s="262"/>
      <c r="AA696" s="262"/>
      <c r="AB696" s="262"/>
      <c r="AC696" s="262"/>
      <c r="AD696" s="262"/>
      <c r="AE696" s="262"/>
      <c r="AF696" s="262"/>
      <c r="AG696" s="262"/>
      <c r="AH696" s="262"/>
      <c r="AI696" s="262"/>
      <c r="AJ696" s="262"/>
      <c r="AK696" s="181"/>
      <c r="AL696" s="182"/>
    </row>
    <row r="697" spans="1:38" s="76" customFormat="1" ht="13.5" customHeight="1" thickBot="1">
      <c r="B697" s="148"/>
      <c r="C697" s="307"/>
      <c r="D697" s="281"/>
      <c r="E697" s="281"/>
      <c r="F697" s="281"/>
      <c r="G697" s="281"/>
      <c r="H697" s="281"/>
      <c r="I697" s="281"/>
      <c r="J697" s="281"/>
      <c r="K697" s="281"/>
      <c r="L697" s="281"/>
      <c r="M697" s="281"/>
      <c r="N697" s="281"/>
      <c r="O697" s="281"/>
      <c r="P697" s="281"/>
      <c r="Q697" s="281"/>
      <c r="R697" s="281"/>
      <c r="S697" s="281"/>
      <c r="T697" s="281"/>
      <c r="U697" s="281"/>
      <c r="V697" s="281"/>
      <c r="W697" s="281"/>
      <c r="X697" s="281"/>
      <c r="Y697" s="281"/>
      <c r="Z697" s="281"/>
      <c r="AA697" s="281"/>
      <c r="AB697" s="281"/>
      <c r="AC697" s="281"/>
      <c r="AD697" s="281"/>
      <c r="AE697" s="281"/>
      <c r="AF697" s="281"/>
      <c r="AG697" s="281"/>
      <c r="AH697" s="281"/>
      <c r="AI697" s="281"/>
      <c r="AJ697" s="281"/>
      <c r="AK697" s="183"/>
      <c r="AL697" s="184"/>
    </row>
    <row r="698" spans="1:38" s="76" customFormat="1" ht="13.5" customHeight="1" thickTop="1">
      <c r="B698" s="148"/>
      <c r="C698" s="308"/>
      <c r="D698" s="284"/>
      <c r="E698" s="284"/>
      <c r="F698" s="284"/>
      <c r="G698" s="284"/>
      <c r="H698" s="284"/>
      <c r="I698" s="284"/>
      <c r="J698" s="284"/>
      <c r="K698" s="284"/>
      <c r="L698" s="284"/>
      <c r="M698" s="284"/>
      <c r="N698" s="284"/>
      <c r="O698" s="284"/>
      <c r="P698" s="284"/>
      <c r="Q698" s="284"/>
      <c r="R698" s="284"/>
      <c r="S698" s="284"/>
      <c r="T698" s="284"/>
      <c r="U698" s="284"/>
      <c r="V698" s="284"/>
      <c r="W698" s="284"/>
      <c r="X698" s="284"/>
      <c r="Y698" s="284"/>
      <c r="Z698" s="284"/>
      <c r="AA698" s="284"/>
      <c r="AB698" s="284"/>
      <c r="AC698" s="284"/>
      <c r="AD698" s="284"/>
      <c r="AE698" s="284"/>
      <c r="AF698" s="284"/>
      <c r="AG698" s="284"/>
      <c r="AH698" s="284"/>
      <c r="AI698" s="284"/>
      <c r="AJ698" s="284"/>
      <c r="AK698" s="137"/>
      <c r="AL698" s="126"/>
    </row>
    <row r="699" spans="1:38" s="76" customFormat="1" ht="10.5" customHeight="1" thickBot="1">
      <c r="B699" s="96"/>
      <c r="C699" s="186"/>
      <c r="D699" s="133"/>
      <c r="E699" s="133"/>
      <c r="F699" s="133"/>
      <c r="G699" s="133"/>
      <c r="H699" s="133"/>
      <c r="I699" s="133"/>
      <c r="J699" s="133"/>
      <c r="K699" s="133"/>
      <c r="L699" s="133"/>
      <c r="M699" s="133"/>
      <c r="N699" s="133"/>
      <c r="O699" s="133"/>
      <c r="P699" s="133"/>
      <c r="Q699" s="133"/>
      <c r="R699" s="133"/>
      <c r="S699" s="133"/>
      <c r="T699" s="133"/>
      <c r="U699" s="133"/>
      <c r="V699" s="133"/>
      <c r="W699" s="133"/>
      <c r="X699" s="133"/>
      <c r="Y699" s="133"/>
      <c r="Z699" s="133"/>
      <c r="AA699" s="133"/>
      <c r="AB699" s="133"/>
      <c r="AC699" s="133"/>
      <c r="AD699" s="133"/>
      <c r="AE699" s="133"/>
      <c r="AF699" s="133"/>
      <c r="AG699" s="133"/>
      <c r="AH699" s="133"/>
      <c r="AI699" s="133"/>
      <c r="AJ699" s="133"/>
      <c r="AK699" s="171"/>
      <c r="AL699" s="126"/>
    </row>
    <row r="700" spans="1:38" s="76" customFormat="1" ht="13.5" customHeight="1" thickTop="1">
      <c r="B700" s="96"/>
      <c r="C700" s="306" t="s">
        <v>191</v>
      </c>
      <c r="D700" s="262"/>
      <c r="E700" s="262"/>
      <c r="F700" s="262"/>
      <c r="G700" s="262"/>
      <c r="H700" s="262"/>
      <c r="I700" s="262"/>
      <c r="J700" s="262"/>
      <c r="K700" s="262"/>
      <c r="L700" s="262"/>
      <c r="M700" s="262"/>
      <c r="N700" s="262"/>
      <c r="O700" s="262"/>
      <c r="P700" s="262"/>
      <c r="Q700" s="262"/>
      <c r="R700" s="262"/>
      <c r="S700" s="262"/>
      <c r="T700" s="262"/>
      <c r="U700" s="262"/>
      <c r="V700" s="262"/>
      <c r="W700" s="262"/>
      <c r="X700" s="262"/>
      <c r="Y700" s="262"/>
      <c r="Z700" s="262"/>
      <c r="AA700" s="262"/>
      <c r="AB700" s="262"/>
      <c r="AC700" s="262"/>
      <c r="AD700" s="262"/>
      <c r="AE700" s="262"/>
      <c r="AF700" s="262"/>
      <c r="AG700" s="262"/>
      <c r="AH700" s="262"/>
      <c r="AI700" s="262"/>
      <c r="AJ700" s="262"/>
      <c r="AK700" s="181"/>
      <c r="AL700" s="182"/>
    </row>
    <row r="701" spans="1:38" s="76" customFormat="1" ht="13.5" customHeight="1" thickBot="1">
      <c r="B701" s="96"/>
      <c r="C701" s="307"/>
      <c r="D701" s="281"/>
      <c r="E701" s="281"/>
      <c r="F701" s="281"/>
      <c r="G701" s="281"/>
      <c r="H701" s="281"/>
      <c r="I701" s="281"/>
      <c r="J701" s="281"/>
      <c r="K701" s="281"/>
      <c r="L701" s="281"/>
      <c r="M701" s="281"/>
      <c r="N701" s="281"/>
      <c r="O701" s="281"/>
      <c r="P701" s="281"/>
      <c r="Q701" s="281"/>
      <c r="R701" s="281"/>
      <c r="S701" s="281"/>
      <c r="T701" s="281"/>
      <c r="U701" s="281"/>
      <c r="V701" s="281"/>
      <c r="W701" s="281"/>
      <c r="X701" s="281"/>
      <c r="Y701" s="281"/>
      <c r="Z701" s="281"/>
      <c r="AA701" s="281"/>
      <c r="AB701" s="281"/>
      <c r="AC701" s="281"/>
      <c r="AD701" s="281"/>
      <c r="AE701" s="281"/>
      <c r="AF701" s="281"/>
      <c r="AG701" s="281"/>
      <c r="AH701" s="281"/>
      <c r="AI701" s="281"/>
      <c r="AJ701" s="281"/>
      <c r="AK701" s="183"/>
      <c r="AL701" s="184"/>
    </row>
    <row r="702" spans="1:38" s="76" customFormat="1" ht="13.5" customHeight="1" thickTop="1">
      <c r="B702" s="96"/>
      <c r="C702" s="308"/>
      <c r="D702" s="284"/>
      <c r="E702" s="284"/>
      <c r="F702" s="284"/>
      <c r="G702" s="284"/>
      <c r="H702" s="284"/>
      <c r="I702" s="284"/>
      <c r="J702" s="284"/>
      <c r="K702" s="284"/>
      <c r="L702" s="284"/>
      <c r="M702" s="284"/>
      <c r="N702" s="284"/>
      <c r="O702" s="284"/>
      <c r="P702" s="284"/>
      <c r="Q702" s="284"/>
      <c r="R702" s="284"/>
      <c r="S702" s="284"/>
      <c r="T702" s="284"/>
      <c r="U702" s="284"/>
      <c r="V702" s="284"/>
      <c r="W702" s="284"/>
      <c r="X702" s="284"/>
      <c r="Y702" s="284"/>
      <c r="Z702" s="284"/>
      <c r="AA702" s="284"/>
      <c r="AB702" s="284"/>
      <c r="AC702" s="284"/>
      <c r="AD702" s="284"/>
      <c r="AE702" s="284"/>
      <c r="AF702" s="284"/>
      <c r="AG702" s="284"/>
      <c r="AH702" s="284"/>
      <c r="AI702" s="284"/>
      <c r="AJ702" s="284"/>
      <c r="AK702" s="137"/>
      <c r="AL702" s="126"/>
    </row>
    <row r="703" spans="1:38" s="76" customFormat="1" ht="13.5" customHeight="1">
      <c r="A703" s="125"/>
      <c r="B703" s="125"/>
      <c r="C703" s="133"/>
      <c r="D703" s="133"/>
      <c r="E703" s="133"/>
      <c r="F703" s="133"/>
      <c r="G703" s="133"/>
      <c r="H703" s="133"/>
      <c r="I703" s="133"/>
      <c r="J703" s="133"/>
      <c r="K703" s="133"/>
      <c r="L703" s="133"/>
      <c r="M703" s="133"/>
      <c r="N703" s="133"/>
      <c r="O703" s="133"/>
      <c r="P703" s="133"/>
      <c r="Q703" s="133"/>
      <c r="R703" s="133"/>
      <c r="S703" s="133"/>
      <c r="T703" s="133"/>
      <c r="U703" s="133"/>
      <c r="V703" s="133"/>
      <c r="W703" s="133"/>
      <c r="X703" s="133"/>
      <c r="Y703" s="133"/>
      <c r="Z703" s="133"/>
      <c r="AA703" s="133"/>
      <c r="AB703" s="133"/>
      <c r="AC703" s="133"/>
      <c r="AD703" s="133"/>
      <c r="AE703" s="133"/>
      <c r="AF703" s="133"/>
      <c r="AG703" s="133"/>
      <c r="AH703" s="133"/>
      <c r="AI703" s="133"/>
      <c r="AJ703" s="133"/>
      <c r="AK703" s="126"/>
      <c r="AL703" s="126"/>
    </row>
    <row r="704" spans="1:38" s="76" customFormat="1" ht="13.5" customHeight="1">
      <c r="A704" s="163" t="s">
        <v>128</v>
      </c>
      <c r="B704" s="164"/>
      <c r="C704" s="164"/>
      <c r="D704" s="164"/>
      <c r="E704" s="164"/>
      <c r="F704" s="164"/>
      <c r="G704" s="164"/>
      <c r="H704" s="164"/>
      <c r="I704" s="164"/>
      <c r="J704" s="164"/>
      <c r="K704" s="164"/>
      <c r="L704" s="164"/>
      <c r="M704" s="133"/>
      <c r="N704" s="133"/>
      <c r="P704" s="133"/>
      <c r="Q704" s="133"/>
      <c r="R704" s="133"/>
      <c r="S704" s="133"/>
      <c r="T704" s="133"/>
      <c r="U704" s="133"/>
      <c r="V704" s="133"/>
      <c r="W704" s="133"/>
      <c r="X704" s="133"/>
      <c r="Y704" s="133"/>
      <c r="Z704" s="133"/>
      <c r="AA704" s="133"/>
      <c r="AB704" s="133"/>
      <c r="AC704" s="133"/>
      <c r="AD704" s="133"/>
      <c r="AE704" s="133"/>
      <c r="AF704" s="133"/>
      <c r="AG704" s="133"/>
      <c r="AH704" s="133"/>
      <c r="AI704" s="133"/>
      <c r="AJ704" s="133"/>
      <c r="AK704" s="126"/>
      <c r="AL704" s="126"/>
    </row>
    <row r="705" spans="1:38" s="76" customFormat="1" ht="13.5" customHeight="1" thickBot="1">
      <c r="A705" s="129" t="s">
        <v>232</v>
      </c>
      <c r="B705" s="164"/>
      <c r="C705" s="164"/>
      <c r="D705" s="164"/>
      <c r="E705" s="164"/>
      <c r="F705" s="164"/>
      <c r="G705" s="164"/>
      <c r="H705" s="164"/>
      <c r="I705" s="164"/>
      <c r="J705" s="164"/>
      <c r="K705" s="164"/>
      <c r="L705" s="164"/>
      <c r="M705" s="133"/>
      <c r="N705" s="133"/>
      <c r="O705" s="129"/>
      <c r="P705" s="133"/>
      <c r="Q705" s="133"/>
      <c r="R705" s="133"/>
      <c r="S705" s="133"/>
      <c r="T705" s="133"/>
      <c r="U705" s="133"/>
      <c r="V705" s="133"/>
      <c r="W705" s="133"/>
      <c r="X705" s="133"/>
      <c r="Y705" s="133"/>
      <c r="Z705" s="133"/>
      <c r="AA705" s="133"/>
      <c r="AB705" s="133"/>
      <c r="AC705" s="133"/>
      <c r="AD705" s="133"/>
      <c r="AE705" s="133"/>
      <c r="AF705" s="133"/>
      <c r="AG705" s="133"/>
      <c r="AH705" s="133"/>
      <c r="AI705" s="133"/>
      <c r="AJ705" s="133"/>
      <c r="AK705" s="126"/>
      <c r="AL705" s="126"/>
    </row>
    <row r="706" spans="1:38" s="76" customFormat="1" ht="13.5" customHeight="1" thickTop="1">
      <c r="A706" s="266">
        <v>82</v>
      </c>
      <c r="B706" s="302"/>
      <c r="C706" s="270" t="s">
        <v>559</v>
      </c>
      <c r="D706" s="271"/>
      <c r="E706" s="271"/>
      <c r="F706" s="271"/>
      <c r="G706" s="271"/>
      <c r="H706" s="271"/>
      <c r="I706" s="271"/>
      <c r="J706" s="271"/>
      <c r="K706" s="271"/>
      <c r="L706" s="271"/>
      <c r="M706" s="271"/>
      <c r="N706" s="271"/>
      <c r="O706" s="271"/>
      <c r="P706" s="271"/>
      <c r="Q706" s="271"/>
      <c r="R706" s="271"/>
      <c r="S706" s="271"/>
      <c r="T706" s="271"/>
      <c r="U706" s="271"/>
      <c r="V706" s="271"/>
      <c r="W706" s="271"/>
      <c r="X706" s="271"/>
      <c r="Y706" s="271"/>
      <c r="Z706" s="271"/>
      <c r="AA706" s="271"/>
      <c r="AB706" s="271"/>
      <c r="AC706" s="271"/>
      <c r="AD706" s="271"/>
      <c r="AE706" s="271"/>
      <c r="AF706" s="271"/>
      <c r="AG706" s="271"/>
      <c r="AH706" s="271"/>
      <c r="AI706" s="271"/>
      <c r="AJ706" s="271"/>
      <c r="AK706" s="275"/>
      <c r="AL706" s="276"/>
    </row>
    <row r="707" spans="1:38" s="76" customFormat="1" ht="13.5" customHeight="1" thickBot="1">
      <c r="A707" s="268"/>
      <c r="B707" s="303"/>
      <c r="C707" s="272"/>
      <c r="D707" s="281"/>
      <c r="E707" s="281"/>
      <c r="F707" s="281"/>
      <c r="G707" s="281"/>
      <c r="H707" s="281"/>
      <c r="I707" s="281"/>
      <c r="J707" s="281"/>
      <c r="K707" s="281"/>
      <c r="L707" s="281"/>
      <c r="M707" s="281"/>
      <c r="N707" s="281"/>
      <c r="O707" s="281"/>
      <c r="P707" s="281"/>
      <c r="Q707" s="281"/>
      <c r="R707" s="281"/>
      <c r="S707" s="281"/>
      <c r="T707" s="281"/>
      <c r="U707" s="281"/>
      <c r="V707" s="281"/>
      <c r="W707" s="281"/>
      <c r="X707" s="281"/>
      <c r="Y707" s="281"/>
      <c r="Z707" s="281"/>
      <c r="AA707" s="281"/>
      <c r="AB707" s="281"/>
      <c r="AC707" s="281"/>
      <c r="AD707" s="281"/>
      <c r="AE707" s="281"/>
      <c r="AF707" s="281"/>
      <c r="AG707" s="281"/>
      <c r="AH707" s="281"/>
      <c r="AI707" s="281"/>
      <c r="AJ707" s="281"/>
      <c r="AK707" s="277"/>
      <c r="AL707" s="278"/>
    </row>
    <row r="708" spans="1:38" s="76" customFormat="1" ht="13.5" customHeight="1" thickTop="1">
      <c r="A708" s="125"/>
      <c r="B708" s="125"/>
      <c r="C708" s="272"/>
      <c r="D708" s="281"/>
      <c r="E708" s="281"/>
      <c r="F708" s="281"/>
      <c r="G708" s="281"/>
      <c r="H708" s="281"/>
      <c r="I708" s="281"/>
      <c r="J708" s="281"/>
      <c r="K708" s="281"/>
      <c r="L708" s="281"/>
      <c r="M708" s="281"/>
      <c r="N708" s="281"/>
      <c r="O708" s="281"/>
      <c r="P708" s="281"/>
      <c r="Q708" s="281"/>
      <c r="R708" s="281"/>
      <c r="S708" s="281"/>
      <c r="T708" s="281"/>
      <c r="U708" s="281"/>
      <c r="V708" s="281"/>
      <c r="W708" s="281"/>
      <c r="X708" s="281"/>
      <c r="Y708" s="281"/>
      <c r="Z708" s="281"/>
      <c r="AA708" s="281"/>
      <c r="AB708" s="281"/>
      <c r="AC708" s="281"/>
      <c r="AD708" s="281"/>
      <c r="AE708" s="281"/>
      <c r="AF708" s="281"/>
      <c r="AG708" s="281"/>
      <c r="AH708" s="281"/>
      <c r="AI708" s="281"/>
      <c r="AJ708" s="281"/>
      <c r="AK708" s="130"/>
      <c r="AL708" s="126"/>
    </row>
    <row r="709" spans="1:38" s="76" customFormat="1" ht="13.5" customHeight="1">
      <c r="A709" s="125"/>
      <c r="B709" s="125"/>
      <c r="C709" s="273"/>
      <c r="D709" s="274"/>
      <c r="E709" s="274"/>
      <c r="F709" s="274"/>
      <c r="G709" s="274"/>
      <c r="H709" s="274"/>
      <c r="I709" s="274"/>
      <c r="J709" s="274"/>
      <c r="K709" s="274"/>
      <c r="L709" s="274"/>
      <c r="M709" s="274"/>
      <c r="N709" s="274"/>
      <c r="O709" s="274"/>
      <c r="P709" s="274"/>
      <c r="Q709" s="274"/>
      <c r="R709" s="274"/>
      <c r="S709" s="274"/>
      <c r="T709" s="274"/>
      <c r="U709" s="274"/>
      <c r="V709" s="274"/>
      <c r="W709" s="274"/>
      <c r="X709" s="274"/>
      <c r="Y709" s="274"/>
      <c r="Z709" s="274"/>
      <c r="AA709" s="274"/>
      <c r="AB709" s="274"/>
      <c r="AC709" s="274"/>
      <c r="AD709" s="274"/>
      <c r="AE709" s="274"/>
      <c r="AF709" s="274"/>
      <c r="AG709" s="274"/>
      <c r="AH709" s="274"/>
      <c r="AI709" s="274"/>
      <c r="AJ709" s="314"/>
      <c r="AK709" s="126"/>
      <c r="AL709" s="126"/>
    </row>
    <row r="710" spans="1:38" s="76" customFormat="1" ht="13.5" customHeight="1" thickBot="1">
      <c r="A710" s="125"/>
      <c r="B710" s="125"/>
      <c r="C710" s="126"/>
      <c r="D710" s="126"/>
      <c r="E710" s="126"/>
      <c r="F710" s="126"/>
      <c r="G710" s="126"/>
      <c r="H710" s="126"/>
      <c r="I710" s="126"/>
      <c r="J710" s="126"/>
      <c r="K710" s="126"/>
      <c r="L710" s="126"/>
      <c r="M710" s="126"/>
      <c r="N710" s="126"/>
      <c r="O710" s="126"/>
      <c r="P710" s="126"/>
      <c r="Q710" s="126"/>
      <c r="R710" s="126"/>
      <c r="S710" s="126"/>
      <c r="T710" s="126"/>
      <c r="U710" s="126"/>
      <c r="V710" s="126"/>
      <c r="W710" s="126"/>
      <c r="X710" s="126"/>
      <c r="Y710" s="126"/>
      <c r="Z710" s="126"/>
      <c r="AA710" s="126"/>
      <c r="AB710" s="126"/>
      <c r="AC710" s="126"/>
      <c r="AD710" s="126"/>
      <c r="AE710" s="126"/>
      <c r="AF710" s="126"/>
      <c r="AG710" s="126"/>
      <c r="AH710" s="126"/>
      <c r="AI710" s="126"/>
      <c r="AJ710" s="126"/>
      <c r="AK710" s="126"/>
      <c r="AL710" s="126"/>
    </row>
    <row r="711" spans="1:38" s="76" customFormat="1" ht="13.5" customHeight="1" thickTop="1">
      <c r="B711" s="148"/>
      <c r="C711" s="306" t="s">
        <v>192</v>
      </c>
      <c r="D711" s="262"/>
      <c r="E711" s="262"/>
      <c r="F711" s="262"/>
      <c r="G711" s="262"/>
      <c r="H711" s="262"/>
      <c r="I711" s="262"/>
      <c r="J711" s="262"/>
      <c r="K711" s="262"/>
      <c r="L711" s="262"/>
      <c r="M711" s="262"/>
      <c r="N711" s="262"/>
      <c r="O711" s="262"/>
      <c r="P711" s="262"/>
      <c r="Q711" s="262"/>
      <c r="R711" s="262"/>
      <c r="S711" s="262"/>
      <c r="T711" s="262"/>
      <c r="U711" s="262"/>
      <c r="V711" s="262"/>
      <c r="W711" s="262"/>
      <c r="X711" s="262"/>
      <c r="Y711" s="262"/>
      <c r="Z711" s="262"/>
      <c r="AA711" s="262"/>
      <c r="AB711" s="262"/>
      <c r="AC711" s="262"/>
      <c r="AD711" s="262"/>
      <c r="AE711" s="262"/>
      <c r="AF711" s="262"/>
      <c r="AG711" s="262"/>
      <c r="AH711" s="262"/>
      <c r="AI711" s="262"/>
      <c r="AJ711" s="262"/>
      <c r="AK711" s="275"/>
      <c r="AL711" s="276"/>
    </row>
    <row r="712" spans="1:38" s="76" customFormat="1" ht="13.5" customHeight="1" thickBot="1">
      <c r="B712" s="148"/>
      <c r="C712" s="307"/>
      <c r="D712" s="281"/>
      <c r="E712" s="281"/>
      <c r="F712" s="281"/>
      <c r="G712" s="281"/>
      <c r="H712" s="281"/>
      <c r="I712" s="281"/>
      <c r="J712" s="281"/>
      <c r="K712" s="281"/>
      <c r="L712" s="281"/>
      <c r="M712" s="281"/>
      <c r="N712" s="281"/>
      <c r="O712" s="281"/>
      <c r="P712" s="281"/>
      <c r="Q712" s="281"/>
      <c r="R712" s="281"/>
      <c r="S712" s="281"/>
      <c r="T712" s="281"/>
      <c r="U712" s="281"/>
      <c r="V712" s="281"/>
      <c r="W712" s="281"/>
      <c r="X712" s="281"/>
      <c r="Y712" s="281"/>
      <c r="Z712" s="281"/>
      <c r="AA712" s="281"/>
      <c r="AB712" s="281"/>
      <c r="AC712" s="281"/>
      <c r="AD712" s="281"/>
      <c r="AE712" s="281"/>
      <c r="AF712" s="281"/>
      <c r="AG712" s="281"/>
      <c r="AH712" s="281"/>
      <c r="AI712" s="281"/>
      <c r="AJ712" s="281"/>
      <c r="AK712" s="277"/>
      <c r="AL712" s="278"/>
    </row>
    <row r="713" spans="1:38" s="76" customFormat="1" ht="13.5" customHeight="1" thickTop="1" thickBot="1">
      <c r="B713" s="148"/>
      <c r="C713" s="308"/>
      <c r="D713" s="284"/>
      <c r="E713" s="284"/>
      <c r="F713" s="284"/>
      <c r="G713" s="284"/>
      <c r="H713" s="284"/>
      <c r="I713" s="284"/>
      <c r="J713" s="284"/>
      <c r="K713" s="284"/>
      <c r="L713" s="284"/>
      <c r="M713" s="284"/>
      <c r="N713" s="284"/>
      <c r="O713" s="284"/>
      <c r="P713" s="284"/>
      <c r="Q713" s="284"/>
      <c r="R713" s="284"/>
      <c r="S713" s="284"/>
      <c r="T713" s="284"/>
      <c r="U713" s="284"/>
      <c r="V713" s="284"/>
      <c r="W713" s="284"/>
      <c r="X713" s="284"/>
      <c r="Y713" s="284"/>
      <c r="Z713" s="284"/>
      <c r="AA713" s="284"/>
      <c r="AB713" s="284"/>
      <c r="AC713" s="284"/>
      <c r="AD713" s="284"/>
      <c r="AE713" s="284"/>
      <c r="AF713" s="284"/>
      <c r="AG713" s="284"/>
      <c r="AH713" s="284"/>
      <c r="AI713" s="284"/>
      <c r="AJ713" s="284"/>
      <c r="AK713" s="137"/>
      <c r="AL713" s="126"/>
    </row>
    <row r="714" spans="1:38" s="76" customFormat="1" ht="13.5" customHeight="1" thickTop="1">
      <c r="B714" s="148"/>
      <c r="C714" s="306" t="s">
        <v>262</v>
      </c>
      <c r="D714" s="262"/>
      <c r="E714" s="262"/>
      <c r="F714" s="262"/>
      <c r="G714" s="262"/>
      <c r="H714" s="262"/>
      <c r="I714" s="262"/>
      <c r="J714" s="262"/>
      <c r="K714" s="262"/>
      <c r="L714" s="262"/>
      <c r="M714" s="262"/>
      <c r="N714" s="262"/>
      <c r="O714" s="262"/>
      <c r="P714" s="262"/>
      <c r="Q714" s="262"/>
      <c r="R714" s="262"/>
      <c r="S714" s="262"/>
      <c r="T714" s="262"/>
      <c r="U714" s="262"/>
      <c r="V714" s="262"/>
      <c r="W714" s="262"/>
      <c r="X714" s="262"/>
      <c r="Y714" s="262"/>
      <c r="Z714" s="262"/>
      <c r="AA714" s="262"/>
      <c r="AB714" s="262"/>
      <c r="AC714" s="262"/>
      <c r="AD714" s="262"/>
      <c r="AE714" s="262"/>
      <c r="AF714" s="262"/>
      <c r="AG714" s="262"/>
      <c r="AH714" s="262"/>
      <c r="AI714" s="262"/>
      <c r="AJ714" s="262"/>
      <c r="AK714" s="275"/>
      <c r="AL714" s="276"/>
    </row>
    <row r="715" spans="1:38" s="76" customFormat="1" ht="13.5" customHeight="1" thickBot="1">
      <c r="B715" s="148"/>
      <c r="C715" s="307"/>
      <c r="D715" s="281"/>
      <c r="E715" s="281"/>
      <c r="F715" s="281"/>
      <c r="G715" s="281"/>
      <c r="H715" s="281"/>
      <c r="I715" s="281"/>
      <c r="J715" s="281"/>
      <c r="K715" s="281"/>
      <c r="L715" s="281"/>
      <c r="M715" s="281"/>
      <c r="N715" s="281"/>
      <c r="O715" s="281"/>
      <c r="P715" s="281"/>
      <c r="Q715" s="281"/>
      <c r="R715" s="281"/>
      <c r="S715" s="281"/>
      <c r="T715" s="281"/>
      <c r="U715" s="281"/>
      <c r="V715" s="281"/>
      <c r="W715" s="281"/>
      <c r="X715" s="281"/>
      <c r="Y715" s="281"/>
      <c r="Z715" s="281"/>
      <c r="AA715" s="281"/>
      <c r="AB715" s="281"/>
      <c r="AC715" s="281"/>
      <c r="AD715" s="281"/>
      <c r="AE715" s="281"/>
      <c r="AF715" s="281"/>
      <c r="AG715" s="281"/>
      <c r="AH715" s="281"/>
      <c r="AI715" s="281"/>
      <c r="AJ715" s="281"/>
      <c r="AK715" s="277"/>
      <c r="AL715" s="278"/>
    </row>
    <row r="716" spans="1:38" s="76" customFormat="1" ht="13.5" customHeight="1" thickTop="1" thickBot="1">
      <c r="B716" s="148"/>
      <c r="C716" s="308"/>
      <c r="D716" s="284"/>
      <c r="E716" s="284"/>
      <c r="F716" s="284"/>
      <c r="G716" s="284"/>
      <c r="H716" s="284"/>
      <c r="I716" s="284"/>
      <c r="J716" s="284"/>
      <c r="K716" s="284"/>
      <c r="L716" s="284"/>
      <c r="M716" s="284"/>
      <c r="N716" s="284"/>
      <c r="O716" s="284"/>
      <c r="P716" s="284"/>
      <c r="Q716" s="284"/>
      <c r="R716" s="284"/>
      <c r="S716" s="284"/>
      <c r="T716" s="284"/>
      <c r="U716" s="284"/>
      <c r="V716" s="284"/>
      <c r="W716" s="284"/>
      <c r="X716" s="284"/>
      <c r="Y716" s="284"/>
      <c r="Z716" s="284"/>
      <c r="AA716" s="284"/>
      <c r="AB716" s="284"/>
      <c r="AC716" s="284"/>
      <c r="AD716" s="284"/>
      <c r="AE716" s="284"/>
      <c r="AF716" s="284"/>
      <c r="AG716" s="284"/>
      <c r="AH716" s="284"/>
      <c r="AI716" s="284"/>
      <c r="AJ716" s="284"/>
      <c r="AK716" s="137"/>
      <c r="AL716" s="126"/>
    </row>
    <row r="717" spans="1:38" s="76" customFormat="1" ht="13.5" customHeight="1" thickTop="1">
      <c r="B717" s="148"/>
      <c r="C717" s="306" t="s">
        <v>263</v>
      </c>
      <c r="D717" s="262"/>
      <c r="E717" s="262"/>
      <c r="F717" s="262"/>
      <c r="G717" s="262"/>
      <c r="H717" s="262"/>
      <c r="I717" s="262"/>
      <c r="J717" s="262"/>
      <c r="K717" s="262"/>
      <c r="L717" s="262"/>
      <c r="M717" s="262"/>
      <c r="N717" s="262"/>
      <c r="O717" s="262"/>
      <c r="P717" s="262"/>
      <c r="Q717" s="262"/>
      <c r="R717" s="262"/>
      <c r="S717" s="262"/>
      <c r="T717" s="262"/>
      <c r="U717" s="262"/>
      <c r="V717" s="262"/>
      <c r="W717" s="262"/>
      <c r="X717" s="262"/>
      <c r="Y717" s="262"/>
      <c r="Z717" s="262"/>
      <c r="AA717" s="262"/>
      <c r="AB717" s="262"/>
      <c r="AC717" s="262"/>
      <c r="AD717" s="262"/>
      <c r="AE717" s="262"/>
      <c r="AF717" s="262"/>
      <c r="AG717" s="262"/>
      <c r="AH717" s="262"/>
      <c r="AI717" s="262"/>
      <c r="AJ717" s="262"/>
      <c r="AK717" s="275"/>
      <c r="AL717" s="276"/>
    </row>
    <row r="718" spans="1:38" s="76" customFormat="1" ht="13.5" customHeight="1" thickBot="1">
      <c r="B718" s="148"/>
      <c r="C718" s="307"/>
      <c r="D718" s="281"/>
      <c r="E718" s="281"/>
      <c r="F718" s="281"/>
      <c r="G718" s="281"/>
      <c r="H718" s="281"/>
      <c r="I718" s="281"/>
      <c r="J718" s="281"/>
      <c r="K718" s="281"/>
      <c r="L718" s="281"/>
      <c r="M718" s="281"/>
      <c r="N718" s="281"/>
      <c r="O718" s="281"/>
      <c r="P718" s="281"/>
      <c r="Q718" s="281"/>
      <c r="R718" s="281"/>
      <c r="S718" s="281"/>
      <c r="T718" s="281"/>
      <c r="U718" s="281"/>
      <c r="V718" s="281"/>
      <c r="W718" s="281"/>
      <c r="X718" s="281"/>
      <c r="Y718" s="281"/>
      <c r="Z718" s="281"/>
      <c r="AA718" s="281"/>
      <c r="AB718" s="281"/>
      <c r="AC718" s="281"/>
      <c r="AD718" s="281"/>
      <c r="AE718" s="281"/>
      <c r="AF718" s="281"/>
      <c r="AG718" s="281"/>
      <c r="AH718" s="281"/>
      <c r="AI718" s="281"/>
      <c r="AJ718" s="281"/>
      <c r="AK718" s="277"/>
      <c r="AL718" s="278"/>
    </row>
    <row r="719" spans="1:38" s="76" customFormat="1" ht="13.5" customHeight="1" thickTop="1" thickBot="1">
      <c r="B719" s="148"/>
      <c r="C719" s="308"/>
      <c r="D719" s="284"/>
      <c r="E719" s="284"/>
      <c r="F719" s="284"/>
      <c r="G719" s="284"/>
      <c r="H719" s="284"/>
      <c r="I719" s="284"/>
      <c r="J719" s="284"/>
      <c r="K719" s="284"/>
      <c r="L719" s="284"/>
      <c r="M719" s="284"/>
      <c r="N719" s="284"/>
      <c r="O719" s="284"/>
      <c r="P719" s="284"/>
      <c r="Q719" s="284"/>
      <c r="R719" s="284"/>
      <c r="S719" s="284"/>
      <c r="T719" s="284"/>
      <c r="U719" s="284"/>
      <c r="V719" s="284"/>
      <c r="W719" s="284"/>
      <c r="X719" s="284"/>
      <c r="Y719" s="284"/>
      <c r="Z719" s="284"/>
      <c r="AA719" s="284"/>
      <c r="AB719" s="284"/>
      <c r="AC719" s="284"/>
      <c r="AD719" s="284"/>
      <c r="AE719" s="284"/>
      <c r="AF719" s="284"/>
      <c r="AG719" s="284"/>
      <c r="AH719" s="284"/>
      <c r="AI719" s="284"/>
      <c r="AJ719" s="284"/>
      <c r="AK719" s="137"/>
      <c r="AL719" s="126"/>
    </row>
    <row r="720" spans="1:38" s="76" customFormat="1" ht="13.5" customHeight="1" thickTop="1">
      <c r="B720" s="148"/>
      <c r="C720" s="306" t="s">
        <v>480</v>
      </c>
      <c r="D720" s="262"/>
      <c r="E720" s="262"/>
      <c r="F720" s="262"/>
      <c r="G720" s="262"/>
      <c r="H720" s="262"/>
      <c r="I720" s="262"/>
      <c r="J720" s="262"/>
      <c r="K720" s="262"/>
      <c r="L720" s="262"/>
      <c r="M720" s="262"/>
      <c r="N720" s="262"/>
      <c r="O720" s="262"/>
      <c r="P720" s="262"/>
      <c r="Q720" s="262"/>
      <c r="R720" s="262"/>
      <c r="S720" s="262"/>
      <c r="T720" s="262"/>
      <c r="U720" s="262"/>
      <c r="V720" s="262"/>
      <c r="W720" s="262"/>
      <c r="X720" s="262"/>
      <c r="Y720" s="262"/>
      <c r="Z720" s="262"/>
      <c r="AA720" s="262"/>
      <c r="AB720" s="262"/>
      <c r="AC720" s="262"/>
      <c r="AD720" s="262"/>
      <c r="AE720" s="262"/>
      <c r="AF720" s="262"/>
      <c r="AG720" s="262"/>
      <c r="AH720" s="262"/>
      <c r="AI720" s="262"/>
      <c r="AJ720" s="262"/>
      <c r="AK720" s="275"/>
      <c r="AL720" s="276"/>
    </row>
    <row r="721" spans="1:38" s="76" customFormat="1" ht="13.5" customHeight="1" thickBot="1">
      <c r="B721" s="148"/>
      <c r="C721" s="307"/>
      <c r="D721" s="281"/>
      <c r="E721" s="281"/>
      <c r="F721" s="281"/>
      <c r="G721" s="281"/>
      <c r="H721" s="281"/>
      <c r="I721" s="281"/>
      <c r="J721" s="281"/>
      <c r="K721" s="281"/>
      <c r="L721" s="281"/>
      <c r="M721" s="281"/>
      <c r="N721" s="281"/>
      <c r="O721" s="281"/>
      <c r="P721" s="281"/>
      <c r="Q721" s="281"/>
      <c r="R721" s="281"/>
      <c r="S721" s="281"/>
      <c r="T721" s="281"/>
      <c r="U721" s="281"/>
      <c r="V721" s="281"/>
      <c r="W721" s="281"/>
      <c r="X721" s="281"/>
      <c r="Y721" s="281"/>
      <c r="Z721" s="281"/>
      <c r="AA721" s="281"/>
      <c r="AB721" s="281"/>
      <c r="AC721" s="281"/>
      <c r="AD721" s="281"/>
      <c r="AE721" s="281"/>
      <c r="AF721" s="281"/>
      <c r="AG721" s="281"/>
      <c r="AH721" s="281"/>
      <c r="AI721" s="281"/>
      <c r="AJ721" s="281"/>
      <c r="AK721" s="277"/>
      <c r="AL721" s="278"/>
    </row>
    <row r="722" spans="1:38" s="76" customFormat="1" ht="13.5" customHeight="1" thickTop="1">
      <c r="B722" s="148"/>
      <c r="C722" s="308"/>
      <c r="D722" s="284"/>
      <c r="E722" s="284"/>
      <c r="F722" s="284"/>
      <c r="G722" s="284"/>
      <c r="H722" s="284"/>
      <c r="I722" s="284"/>
      <c r="J722" s="284"/>
      <c r="K722" s="284"/>
      <c r="L722" s="284"/>
      <c r="M722" s="284"/>
      <c r="N722" s="284"/>
      <c r="O722" s="284"/>
      <c r="P722" s="284"/>
      <c r="Q722" s="284"/>
      <c r="R722" s="284"/>
      <c r="S722" s="284"/>
      <c r="T722" s="284"/>
      <c r="U722" s="284"/>
      <c r="V722" s="284"/>
      <c r="W722" s="284"/>
      <c r="X722" s="284"/>
      <c r="Y722" s="284"/>
      <c r="Z722" s="284"/>
      <c r="AA722" s="284"/>
      <c r="AB722" s="284"/>
      <c r="AC722" s="284"/>
      <c r="AD722" s="284"/>
      <c r="AE722" s="284"/>
      <c r="AF722" s="284"/>
      <c r="AG722" s="284"/>
      <c r="AH722" s="284"/>
      <c r="AI722" s="284"/>
      <c r="AJ722" s="284"/>
      <c r="AK722" s="137"/>
      <c r="AL722" s="126"/>
    </row>
    <row r="723" spans="1:38" s="76" customFormat="1" ht="12.65" customHeight="1" thickBot="1">
      <c r="A723" s="125"/>
      <c r="B723" s="125"/>
      <c r="C723" s="133"/>
      <c r="D723" s="133"/>
      <c r="E723" s="133"/>
      <c r="F723" s="133"/>
      <c r="G723" s="133"/>
      <c r="H723" s="133"/>
      <c r="I723" s="133"/>
      <c r="J723" s="133"/>
      <c r="K723" s="133"/>
      <c r="L723" s="133"/>
      <c r="M723" s="133"/>
      <c r="N723" s="133"/>
      <c r="O723" s="133"/>
      <c r="P723" s="133"/>
      <c r="Q723" s="133"/>
      <c r="R723" s="133"/>
      <c r="S723" s="133"/>
      <c r="T723" s="133"/>
      <c r="U723" s="133"/>
      <c r="V723" s="133"/>
      <c r="W723" s="133"/>
      <c r="X723" s="133"/>
      <c r="Y723" s="133"/>
      <c r="Z723" s="133"/>
      <c r="AA723" s="133"/>
      <c r="AB723" s="133"/>
      <c r="AC723" s="133"/>
      <c r="AD723" s="133"/>
      <c r="AE723" s="133"/>
      <c r="AF723" s="133"/>
      <c r="AG723" s="133"/>
      <c r="AH723" s="133"/>
      <c r="AI723" s="133"/>
      <c r="AJ723" s="133"/>
      <c r="AK723" s="126"/>
      <c r="AL723" s="126"/>
    </row>
    <row r="724" spans="1:38" s="76" customFormat="1" ht="13.5" customHeight="1" thickTop="1">
      <c r="A724" s="266">
        <v>83</v>
      </c>
      <c r="B724" s="302"/>
      <c r="C724" s="270" t="s">
        <v>560</v>
      </c>
      <c r="D724" s="271"/>
      <c r="E724" s="271"/>
      <c r="F724" s="271"/>
      <c r="G724" s="271"/>
      <c r="H724" s="271"/>
      <c r="I724" s="271"/>
      <c r="J724" s="271"/>
      <c r="K724" s="271"/>
      <c r="L724" s="271"/>
      <c r="M724" s="271"/>
      <c r="N724" s="271"/>
      <c r="O724" s="271"/>
      <c r="P724" s="271"/>
      <c r="Q724" s="271"/>
      <c r="R724" s="271"/>
      <c r="S724" s="271"/>
      <c r="T724" s="271"/>
      <c r="U724" s="271"/>
      <c r="V724" s="271"/>
      <c r="W724" s="271"/>
      <c r="X724" s="271"/>
      <c r="Y724" s="271"/>
      <c r="Z724" s="271"/>
      <c r="AA724" s="271"/>
      <c r="AB724" s="271"/>
      <c r="AC724" s="271"/>
      <c r="AD724" s="271"/>
      <c r="AE724" s="271"/>
      <c r="AF724" s="271"/>
      <c r="AG724" s="271"/>
      <c r="AH724" s="271"/>
      <c r="AI724" s="271"/>
      <c r="AJ724" s="271"/>
      <c r="AK724" s="275"/>
      <c r="AL724" s="276"/>
    </row>
    <row r="725" spans="1:38" s="76" customFormat="1" ht="13.5" customHeight="1" thickBot="1">
      <c r="A725" s="268"/>
      <c r="B725" s="303"/>
      <c r="C725" s="272"/>
      <c r="D725" s="281"/>
      <c r="E725" s="281"/>
      <c r="F725" s="281"/>
      <c r="G725" s="281"/>
      <c r="H725" s="281"/>
      <c r="I725" s="281"/>
      <c r="J725" s="281"/>
      <c r="K725" s="281"/>
      <c r="L725" s="281"/>
      <c r="M725" s="281"/>
      <c r="N725" s="281"/>
      <c r="O725" s="281"/>
      <c r="P725" s="281"/>
      <c r="Q725" s="281"/>
      <c r="R725" s="281"/>
      <c r="S725" s="281"/>
      <c r="T725" s="281"/>
      <c r="U725" s="281"/>
      <c r="V725" s="281"/>
      <c r="W725" s="281"/>
      <c r="X725" s="281"/>
      <c r="Y725" s="281"/>
      <c r="Z725" s="281"/>
      <c r="AA725" s="281"/>
      <c r="AB725" s="281"/>
      <c r="AC725" s="281"/>
      <c r="AD725" s="281"/>
      <c r="AE725" s="281"/>
      <c r="AF725" s="281"/>
      <c r="AG725" s="281"/>
      <c r="AH725" s="281"/>
      <c r="AI725" s="281"/>
      <c r="AJ725" s="281"/>
      <c r="AK725" s="277"/>
      <c r="AL725" s="278"/>
    </row>
    <row r="726" spans="1:38" s="76" customFormat="1" ht="13.5" customHeight="1" thickTop="1">
      <c r="A726" s="125"/>
      <c r="B726" s="125"/>
      <c r="C726" s="272"/>
      <c r="D726" s="281"/>
      <c r="E726" s="281"/>
      <c r="F726" s="281"/>
      <c r="G726" s="281"/>
      <c r="H726" s="281"/>
      <c r="I726" s="281"/>
      <c r="J726" s="281"/>
      <c r="K726" s="281"/>
      <c r="L726" s="281"/>
      <c r="M726" s="281"/>
      <c r="N726" s="281"/>
      <c r="O726" s="281"/>
      <c r="P726" s="281"/>
      <c r="Q726" s="281"/>
      <c r="R726" s="281"/>
      <c r="S726" s="281"/>
      <c r="T726" s="281"/>
      <c r="U726" s="281"/>
      <c r="V726" s="281"/>
      <c r="W726" s="281"/>
      <c r="X726" s="281"/>
      <c r="Y726" s="281"/>
      <c r="Z726" s="281"/>
      <c r="AA726" s="281"/>
      <c r="AB726" s="281"/>
      <c r="AC726" s="281"/>
      <c r="AD726" s="281"/>
      <c r="AE726" s="281"/>
      <c r="AF726" s="281"/>
      <c r="AG726" s="281"/>
      <c r="AH726" s="281"/>
      <c r="AI726" s="281"/>
      <c r="AJ726" s="281"/>
      <c r="AK726" s="130"/>
      <c r="AL726" s="126"/>
    </row>
    <row r="727" spans="1:38" s="76" customFormat="1" ht="13.5" customHeight="1">
      <c r="A727" s="125"/>
      <c r="B727" s="125"/>
      <c r="C727" s="272"/>
      <c r="D727" s="281"/>
      <c r="E727" s="281"/>
      <c r="F727" s="281"/>
      <c r="G727" s="281"/>
      <c r="H727" s="281"/>
      <c r="I727" s="281"/>
      <c r="J727" s="281"/>
      <c r="K727" s="281"/>
      <c r="L727" s="281"/>
      <c r="M727" s="281"/>
      <c r="N727" s="281"/>
      <c r="O727" s="281"/>
      <c r="P727" s="281"/>
      <c r="Q727" s="281"/>
      <c r="R727" s="281"/>
      <c r="S727" s="281"/>
      <c r="T727" s="281"/>
      <c r="U727" s="281"/>
      <c r="V727" s="281"/>
      <c r="W727" s="281"/>
      <c r="X727" s="281"/>
      <c r="Y727" s="281"/>
      <c r="Z727" s="281"/>
      <c r="AA727" s="281"/>
      <c r="AB727" s="281"/>
      <c r="AC727" s="281"/>
      <c r="AD727" s="281"/>
      <c r="AE727" s="281"/>
      <c r="AF727" s="281"/>
      <c r="AG727" s="281"/>
      <c r="AH727" s="281"/>
      <c r="AI727" s="281"/>
      <c r="AJ727" s="281"/>
      <c r="AK727" s="131"/>
      <c r="AL727" s="126"/>
    </row>
    <row r="728" spans="1:38" s="76" customFormat="1" ht="13.5" customHeight="1">
      <c r="A728" s="125"/>
      <c r="B728" s="125"/>
      <c r="C728" s="273"/>
      <c r="D728" s="274"/>
      <c r="E728" s="274"/>
      <c r="F728" s="274"/>
      <c r="G728" s="274"/>
      <c r="H728" s="274"/>
      <c r="I728" s="274"/>
      <c r="J728" s="274"/>
      <c r="K728" s="274"/>
      <c r="L728" s="274"/>
      <c r="M728" s="274"/>
      <c r="N728" s="274"/>
      <c r="O728" s="274"/>
      <c r="P728" s="274"/>
      <c r="Q728" s="274"/>
      <c r="R728" s="274"/>
      <c r="S728" s="274"/>
      <c r="T728" s="274"/>
      <c r="U728" s="274"/>
      <c r="V728" s="274"/>
      <c r="W728" s="274"/>
      <c r="X728" s="274"/>
      <c r="Y728" s="274"/>
      <c r="Z728" s="274"/>
      <c r="AA728" s="274"/>
      <c r="AB728" s="274"/>
      <c r="AC728" s="274"/>
      <c r="AD728" s="274"/>
      <c r="AE728" s="274"/>
      <c r="AF728" s="274"/>
      <c r="AG728" s="274"/>
      <c r="AH728" s="274"/>
      <c r="AI728" s="274"/>
      <c r="AJ728" s="314"/>
      <c r="AK728" s="126"/>
      <c r="AL728" s="126"/>
    </row>
    <row r="729" spans="1:38" s="76" customFormat="1" ht="13.5" customHeight="1">
      <c r="E729" s="76" t="s">
        <v>129</v>
      </c>
      <c r="V729" s="76" t="s">
        <v>130</v>
      </c>
    </row>
    <row r="730" spans="1:38" s="76" customFormat="1" ht="13.5" customHeight="1">
      <c r="A730" s="96"/>
      <c r="B730" s="96"/>
      <c r="C730" s="476" t="s">
        <v>437</v>
      </c>
      <c r="D730" s="477"/>
      <c r="E730" s="477"/>
      <c r="F730" s="477"/>
      <c r="G730" s="477"/>
      <c r="H730" s="477"/>
      <c r="I730" s="477"/>
      <c r="J730" s="477"/>
      <c r="K730" s="477"/>
      <c r="L730" s="477"/>
      <c r="M730" s="477"/>
      <c r="N730" s="477"/>
      <c r="O730" s="477"/>
      <c r="P730" s="477"/>
      <c r="Q730" s="477"/>
      <c r="R730" s="477"/>
      <c r="S730" s="478"/>
      <c r="T730" s="476" t="s">
        <v>439</v>
      </c>
      <c r="U730" s="477"/>
      <c r="V730" s="477"/>
      <c r="W730" s="477"/>
      <c r="X730" s="477"/>
      <c r="Y730" s="477"/>
      <c r="Z730" s="477"/>
      <c r="AA730" s="477"/>
      <c r="AB730" s="477"/>
      <c r="AC730" s="477"/>
      <c r="AD730" s="477"/>
      <c r="AE730" s="477"/>
      <c r="AF730" s="477"/>
      <c r="AG730" s="477"/>
      <c r="AH730" s="477"/>
      <c r="AI730" s="477"/>
      <c r="AJ730" s="477"/>
      <c r="AK730" s="133"/>
      <c r="AL730" s="133"/>
    </row>
    <row r="731" spans="1:38" s="76" customFormat="1" ht="13.5" customHeight="1">
      <c r="A731" s="96"/>
      <c r="B731" s="96"/>
      <c r="C731" s="477"/>
      <c r="D731" s="477"/>
      <c r="E731" s="477"/>
      <c r="F731" s="477"/>
      <c r="G731" s="477"/>
      <c r="H731" s="477"/>
      <c r="I731" s="477"/>
      <c r="J731" s="477"/>
      <c r="K731" s="477"/>
      <c r="L731" s="477"/>
      <c r="M731" s="477"/>
      <c r="N731" s="477"/>
      <c r="O731" s="477"/>
      <c r="P731" s="477"/>
      <c r="Q731" s="477"/>
      <c r="R731" s="477"/>
      <c r="S731" s="478"/>
      <c r="T731" s="477"/>
      <c r="U731" s="477"/>
      <c r="V731" s="477"/>
      <c r="W731" s="477"/>
      <c r="X731" s="477"/>
      <c r="Y731" s="477"/>
      <c r="Z731" s="477"/>
      <c r="AA731" s="477"/>
      <c r="AB731" s="477"/>
      <c r="AC731" s="477"/>
      <c r="AD731" s="477"/>
      <c r="AE731" s="477"/>
      <c r="AF731" s="477"/>
      <c r="AG731" s="477"/>
      <c r="AH731" s="477"/>
      <c r="AI731" s="477"/>
      <c r="AJ731" s="477"/>
      <c r="AK731" s="133"/>
      <c r="AL731" s="133"/>
    </row>
    <row r="732" spans="1:38" s="76" customFormat="1" ht="13.5" customHeight="1">
      <c r="A732" s="96"/>
      <c r="B732" s="96"/>
      <c r="C732" s="477"/>
      <c r="D732" s="477"/>
      <c r="E732" s="477"/>
      <c r="F732" s="477"/>
      <c r="G732" s="477"/>
      <c r="H732" s="477"/>
      <c r="I732" s="477"/>
      <c r="J732" s="477"/>
      <c r="K732" s="477"/>
      <c r="L732" s="477"/>
      <c r="M732" s="477"/>
      <c r="N732" s="477"/>
      <c r="O732" s="477"/>
      <c r="P732" s="477"/>
      <c r="Q732" s="477"/>
      <c r="R732" s="477"/>
      <c r="S732" s="478"/>
      <c r="T732" s="477"/>
      <c r="U732" s="477"/>
      <c r="V732" s="477"/>
      <c r="W732" s="477"/>
      <c r="X732" s="477"/>
      <c r="Y732" s="477"/>
      <c r="Z732" s="477"/>
      <c r="AA732" s="477"/>
      <c r="AB732" s="477"/>
      <c r="AC732" s="477"/>
      <c r="AD732" s="477"/>
      <c r="AE732" s="477"/>
      <c r="AF732" s="477"/>
      <c r="AG732" s="477"/>
      <c r="AH732" s="477"/>
      <c r="AI732" s="477"/>
      <c r="AJ732" s="477"/>
      <c r="AK732" s="133"/>
      <c r="AL732" s="133"/>
    </row>
    <row r="733" spans="1:38" s="76" customFormat="1" ht="13.5" customHeight="1">
      <c r="A733" s="96"/>
      <c r="B733" s="96"/>
      <c r="C733" s="476" t="s">
        <v>438</v>
      </c>
      <c r="D733" s="477"/>
      <c r="E733" s="477"/>
      <c r="F733" s="477"/>
      <c r="G733" s="477"/>
      <c r="H733" s="477"/>
      <c r="I733" s="477"/>
      <c r="J733" s="477"/>
      <c r="K733" s="477"/>
      <c r="L733" s="477"/>
      <c r="M733" s="477"/>
      <c r="N733" s="477"/>
      <c r="O733" s="477"/>
      <c r="P733" s="477"/>
      <c r="Q733" s="477"/>
      <c r="R733" s="477"/>
      <c r="S733" s="477"/>
      <c r="T733" s="476" t="s">
        <v>440</v>
      </c>
      <c r="U733" s="477"/>
      <c r="V733" s="477"/>
      <c r="W733" s="477"/>
      <c r="X733" s="477"/>
      <c r="Y733" s="477"/>
      <c r="Z733" s="477"/>
      <c r="AA733" s="477"/>
      <c r="AB733" s="477"/>
      <c r="AC733" s="477"/>
      <c r="AD733" s="477"/>
      <c r="AE733" s="477"/>
      <c r="AF733" s="477"/>
      <c r="AG733" s="477"/>
      <c r="AH733" s="477"/>
      <c r="AI733" s="477"/>
      <c r="AJ733" s="477"/>
      <c r="AK733" s="133"/>
      <c r="AL733" s="133"/>
    </row>
    <row r="734" spans="1:38" s="76" customFormat="1" ht="13.5" customHeight="1">
      <c r="A734" s="96"/>
      <c r="B734" s="96"/>
      <c r="C734" s="477"/>
      <c r="D734" s="477"/>
      <c r="E734" s="477"/>
      <c r="F734" s="477"/>
      <c r="G734" s="477"/>
      <c r="H734" s="477"/>
      <c r="I734" s="477"/>
      <c r="J734" s="477"/>
      <c r="K734" s="477"/>
      <c r="L734" s="477"/>
      <c r="M734" s="477"/>
      <c r="N734" s="477"/>
      <c r="O734" s="477"/>
      <c r="P734" s="477"/>
      <c r="Q734" s="477"/>
      <c r="R734" s="477"/>
      <c r="S734" s="477"/>
      <c r="T734" s="477"/>
      <c r="U734" s="477"/>
      <c r="V734" s="477"/>
      <c r="W734" s="477"/>
      <c r="X734" s="477"/>
      <c r="Y734" s="477"/>
      <c r="Z734" s="477"/>
      <c r="AA734" s="477"/>
      <c r="AB734" s="477"/>
      <c r="AC734" s="477"/>
      <c r="AD734" s="477"/>
      <c r="AE734" s="477"/>
      <c r="AF734" s="477"/>
      <c r="AG734" s="477"/>
      <c r="AH734" s="477"/>
      <c r="AI734" s="477"/>
      <c r="AJ734" s="477"/>
      <c r="AK734" s="133"/>
      <c r="AL734" s="133"/>
    </row>
    <row r="735" spans="1:38" s="76" customFormat="1" ht="13.5" customHeight="1" thickBot="1">
      <c r="C735" s="133"/>
      <c r="D735" s="133"/>
      <c r="E735" s="133"/>
      <c r="F735" s="133"/>
      <c r="G735" s="133"/>
      <c r="H735" s="133"/>
      <c r="I735" s="133"/>
      <c r="J735" s="133"/>
      <c r="K735" s="133"/>
      <c r="L735" s="133"/>
      <c r="M735" s="133"/>
      <c r="N735" s="133"/>
      <c r="O735" s="133"/>
      <c r="P735" s="133"/>
      <c r="Q735" s="133"/>
      <c r="R735" s="133"/>
      <c r="S735" s="133"/>
      <c r="T735" s="133"/>
      <c r="U735" s="133"/>
      <c r="V735" s="133"/>
      <c r="W735" s="133"/>
      <c r="X735" s="133"/>
      <c r="Y735" s="133"/>
      <c r="Z735" s="133"/>
      <c r="AA735" s="133"/>
      <c r="AB735" s="133"/>
      <c r="AC735" s="133"/>
      <c r="AD735" s="133"/>
      <c r="AE735" s="133"/>
      <c r="AF735" s="133"/>
      <c r="AG735" s="133"/>
      <c r="AH735" s="133"/>
      <c r="AI735" s="133"/>
      <c r="AJ735" s="133"/>
      <c r="AK735" s="133"/>
      <c r="AL735" s="133"/>
    </row>
    <row r="736" spans="1:38" s="76" customFormat="1" ht="13.5" customHeight="1" thickTop="1">
      <c r="A736" s="266">
        <v>84</v>
      </c>
      <c r="B736" s="302"/>
      <c r="C736" s="248" t="s">
        <v>561</v>
      </c>
      <c r="D736" s="249"/>
      <c r="E736" s="249"/>
      <c r="F736" s="249"/>
      <c r="G736" s="249"/>
      <c r="H736" s="249"/>
      <c r="I736" s="249"/>
      <c r="J736" s="249"/>
      <c r="K736" s="249"/>
      <c r="L736" s="249"/>
      <c r="M736" s="249"/>
      <c r="N736" s="249"/>
      <c r="O736" s="249"/>
      <c r="P736" s="249"/>
      <c r="Q736" s="249"/>
      <c r="R736" s="249"/>
      <c r="S736" s="249"/>
      <c r="T736" s="249"/>
      <c r="U736" s="249"/>
      <c r="V736" s="249"/>
      <c r="W736" s="249"/>
      <c r="X736" s="249"/>
      <c r="Y736" s="249"/>
      <c r="Z736" s="249"/>
      <c r="AA736" s="249"/>
      <c r="AB736" s="249"/>
      <c r="AC736" s="249"/>
      <c r="AD736" s="249"/>
      <c r="AE736" s="249"/>
      <c r="AF736" s="249"/>
      <c r="AG736" s="249"/>
      <c r="AH736" s="249"/>
      <c r="AI736" s="249"/>
      <c r="AJ736" s="249"/>
      <c r="AK736" s="275"/>
      <c r="AL736" s="276"/>
    </row>
    <row r="737" spans="1:38" s="76" customFormat="1" ht="13.5" customHeight="1" thickBot="1">
      <c r="A737" s="268"/>
      <c r="B737" s="303"/>
      <c r="C737" s="250"/>
      <c r="D737" s="251"/>
      <c r="E737" s="251"/>
      <c r="F737" s="251"/>
      <c r="G737" s="251"/>
      <c r="H737" s="251"/>
      <c r="I737" s="251"/>
      <c r="J737" s="251"/>
      <c r="K737" s="251"/>
      <c r="L737" s="251"/>
      <c r="M737" s="251"/>
      <c r="N737" s="251"/>
      <c r="O737" s="251"/>
      <c r="P737" s="251"/>
      <c r="Q737" s="251"/>
      <c r="R737" s="251"/>
      <c r="S737" s="251"/>
      <c r="T737" s="251"/>
      <c r="U737" s="251"/>
      <c r="V737" s="251"/>
      <c r="W737" s="251"/>
      <c r="X737" s="251"/>
      <c r="Y737" s="251"/>
      <c r="Z737" s="251"/>
      <c r="AA737" s="251"/>
      <c r="AB737" s="251"/>
      <c r="AC737" s="251"/>
      <c r="AD737" s="251"/>
      <c r="AE737" s="251"/>
      <c r="AF737" s="251"/>
      <c r="AG737" s="251"/>
      <c r="AH737" s="251"/>
      <c r="AI737" s="251"/>
      <c r="AJ737" s="251"/>
      <c r="AK737" s="277"/>
      <c r="AL737" s="278"/>
    </row>
    <row r="738" spans="1:38" s="76" customFormat="1" ht="13.5" customHeight="1" thickTop="1">
      <c r="A738" s="125"/>
      <c r="B738" s="125"/>
      <c r="C738" s="252"/>
      <c r="D738" s="253"/>
      <c r="E738" s="253"/>
      <c r="F738" s="253"/>
      <c r="G738" s="253"/>
      <c r="H738" s="253"/>
      <c r="I738" s="253"/>
      <c r="J738" s="253"/>
      <c r="K738" s="253"/>
      <c r="L738" s="253"/>
      <c r="M738" s="253"/>
      <c r="N738" s="253"/>
      <c r="O738" s="253"/>
      <c r="P738" s="253"/>
      <c r="Q738" s="253"/>
      <c r="R738" s="253"/>
      <c r="S738" s="253"/>
      <c r="T738" s="253"/>
      <c r="U738" s="253"/>
      <c r="V738" s="253"/>
      <c r="W738" s="253"/>
      <c r="X738" s="253"/>
      <c r="Y738" s="253"/>
      <c r="Z738" s="253"/>
      <c r="AA738" s="253"/>
      <c r="AB738" s="253"/>
      <c r="AC738" s="253"/>
      <c r="AD738" s="253"/>
      <c r="AE738" s="253"/>
      <c r="AF738" s="253"/>
      <c r="AG738" s="253"/>
      <c r="AH738" s="253"/>
      <c r="AI738" s="253"/>
      <c r="AJ738" s="254"/>
      <c r="AK738" s="126"/>
      <c r="AL738" s="126"/>
    </row>
    <row r="739" spans="1:38" s="76" customFormat="1" ht="13.5" customHeight="1">
      <c r="A739" s="96"/>
      <c r="B739" s="96"/>
      <c r="C739" s="133"/>
      <c r="D739" s="126"/>
      <c r="E739" s="126"/>
      <c r="F739" s="126"/>
      <c r="G739" s="126"/>
      <c r="H739" s="126"/>
      <c r="I739" s="126"/>
      <c r="J739" s="126"/>
      <c r="K739" s="126"/>
      <c r="L739" s="126"/>
      <c r="M739" s="126"/>
      <c r="N739" s="126"/>
      <c r="O739" s="126"/>
      <c r="P739" s="126"/>
      <c r="Q739" s="126"/>
      <c r="R739" s="126"/>
      <c r="S739" s="126"/>
      <c r="T739" s="126"/>
      <c r="U739" s="126"/>
      <c r="V739" s="126"/>
      <c r="W739" s="126"/>
      <c r="X739" s="126"/>
      <c r="Y739" s="126"/>
      <c r="Z739" s="126"/>
      <c r="AA739" s="126"/>
      <c r="AB739" s="126"/>
      <c r="AC739" s="126"/>
      <c r="AD739" s="126"/>
      <c r="AE739" s="126"/>
      <c r="AF739" s="126"/>
      <c r="AG739" s="126"/>
      <c r="AH739" s="126"/>
      <c r="AI739" s="126"/>
      <c r="AJ739" s="126"/>
      <c r="AK739" s="126"/>
      <c r="AL739" s="126"/>
    </row>
    <row r="740" spans="1:38" s="76" customFormat="1" ht="13.5" customHeight="1">
      <c r="A740" s="127" t="s">
        <v>131</v>
      </c>
    </row>
    <row r="741" spans="1:38" s="76" customFormat="1" ht="13.5" customHeight="1" thickBot="1">
      <c r="A741" s="129" t="s">
        <v>233</v>
      </c>
    </row>
    <row r="742" spans="1:38" s="76" customFormat="1" ht="13.5" customHeight="1" thickTop="1">
      <c r="A742" s="266">
        <v>85</v>
      </c>
      <c r="B742" s="267"/>
      <c r="C742" s="270" t="s">
        <v>562</v>
      </c>
      <c r="D742" s="271"/>
      <c r="E742" s="271"/>
      <c r="F742" s="271"/>
      <c r="G742" s="271"/>
      <c r="H742" s="271"/>
      <c r="I742" s="271"/>
      <c r="J742" s="271"/>
      <c r="K742" s="271"/>
      <c r="L742" s="271"/>
      <c r="M742" s="271"/>
      <c r="N742" s="271"/>
      <c r="O742" s="271"/>
      <c r="P742" s="271"/>
      <c r="Q742" s="271"/>
      <c r="R742" s="271"/>
      <c r="S742" s="271"/>
      <c r="T742" s="271"/>
      <c r="U742" s="271"/>
      <c r="V742" s="271"/>
      <c r="W742" s="271"/>
      <c r="X742" s="271"/>
      <c r="Y742" s="271"/>
      <c r="Z742" s="271"/>
      <c r="AA742" s="271"/>
      <c r="AB742" s="271"/>
      <c r="AC742" s="271"/>
      <c r="AD742" s="271"/>
      <c r="AE742" s="271"/>
      <c r="AF742" s="271"/>
      <c r="AG742" s="271"/>
      <c r="AH742" s="271"/>
      <c r="AI742" s="271"/>
      <c r="AJ742" s="279"/>
      <c r="AK742" s="466"/>
      <c r="AL742" s="467"/>
    </row>
    <row r="743" spans="1:38" s="76" customFormat="1" ht="13.5" customHeight="1" thickBot="1">
      <c r="A743" s="268"/>
      <c r="B743" s="269"/>
      <c r="C743" s="272"/>
      <c r="D743" s="281"/>
      <c r="E743" s="281"/>
      <c r="F743" s="281"/>
      <c r="G743" s="281"/>
      <c r="H743" s="281"/>
      <c r="I743" s="281"/>
      <c r="J743" s="281"/>
      <c r="K743" s="281"/>
      <c r="L743" s="281"/>
      <c r="M743" s="281"/>
      <c r="N743" s="281"/>
      <c r="O743" s="281"/>
      <c r="P743" s="281"/>
      <c r="Q743" s="281"/>
      <c r="R743" s="281"/>
      <c r="S743" s="281"/>
      <c r="T743" s="281"/>
      <c r="U743" s="281"/>
      <c r="V743" s="281"/>
      <c r="W743" s="281"/>
      <c r="X743" s="281"/>
      <c r="Y743" s="281"/>
      <c r="Z743" s="281"/>
      <c r="AA743" s="281"/>
      <c r="AB743" s="281"/>
      <c r="AC743" s="281"/>
      <c r="AD743" s="281"/>
      <c r="AE743" s="281"/>
      <c r="AF743" s="281"/>
      <c r="AG743" s="281"/>
      <c r="AH743" s="281"/>
      <c r="AI743" s="281"/>
      <c r="AJ743" s="312"/>
      <c r="AK743" s="468"/>
      <c r="AL743" s="469"/>
    </row>
    <row r="744" spans="1:38" s="76" customFormat="1" ht="13.5" customHeight="1" thickTop="1">
      <c r="A744" s="125"/>
      <c r="B744" s="185"/>
      <c r="C744" s="272"/>
      <c r="D744" s="281"/>
      <c r="E744" s="281"/>
      <c r="F744" s="281"/>
      <c r="G744" s="281"/>
      <c r="H744" s="281"/>
      <c r="I744" s="281"/>
      <c r="J744" s="281"/>
      <c r="K744" s="281"/>
      <c r="L744" s="281"/>
      <c r="M744" s="281"/>
      <c r="N744" s="281"/>
      <c r="O744" s="281"/>
      <c r="P744" s="281"/>
      <c r="Q744" s="281"/>
      <c r="R744" s="281"/>
      <c r="S744" s="281"/>
      <c r="T744" s="281"/>
      <c r="U744" s="281"/>
      <c r="V744" s="281"/>
      <c r="W744" s="281"/>
      <c r="X744" s="281"/>
      <c r="Y744" s="281"/>
      <c r="Z744" s="281"/>
      <c r="AA744" s="281"/>
      <c r="AB744" s="281"/>
      <c r="AC744" s="281"/>
      <c r="AD744" s="281"/>
      <c r="AE744" s="281"/>
      <c r="AF744" s="281"/>
      <c r="AG744" s="281"/>
      <c r="AH744" s="281"/>
      <c r="AI744" s="281"/>
      <c r="AJ744" s="281"/>
      <c r="AK744" s="187"/>
      <c r="AL744" s="177"/>
    </row>
    <row r="745" spans="1:38" s="76" customFormat="1" ht="13.5" customHeight="1">
      <c r="A745" s="125"/>
      <c r="B745" s="185"/>
      <c r="C745" s="273"/>
      <c r="D745" s="274"/>
      <c r="E745" s="274"/>
      <c r="F745" s="274"/>
      <c r="G745" s="274"/>
      <c r="H745" s="274"/>
      <c r="I745" s="274"/>
      <c r="J745" s="274"/>
      <c r="K745" s="274"/>
      <c r="L745" s="274"/>
      <c r="M745" s="274"/>
      <c r="N745" s="274"/>
      <c r="O745" s="274"/>
      <c r="P745" s="274"/>
      <c r="Q745" s="274"/>
      <c r="R745" s="274"/>
      <c r="S745" s="274"/>
      <c r="T745" s="274"/>
      <c r="U745" s="274"/>
      <c r="V745" s="274"/>
      <c r="W745" s="274"/>
      <c r="X745" s="274"/>
      <c r="Y745" s="274"/>
      <c r="Z745" s="274"/>
      <c r="AA745" s="274"/>
      <c r="AB745" s="274"/>
      <c r="AC745" s="274"/>
      <c r="AD745" s="274"/>
      <c r="AE745" s="274"/>
      <c r="AF745" s="274"/>
      <c r="AG745" s="274"/>
      <c r="AH745" s="274"/>
      <c r="AI745" s="274"/>
      <c r="AJ745" s="274"/>
      <c r="AK745" s="188"/>
      <c r="AL745" s="125"/>
    </row>
    <row r="746" spans="1:38" s="76" customFormat="1" ht="13.5" customHeight="1" thickBot="1">
      <c r="A746" s="126"/>
      <c r="B746" s="126"/>
      <c r="C746" s="133"/>
      <c r="D746" s="133"/>
      <c r="E746" s="133"/>
      <c r="F746" s="133"/>
      <c r="G746" s="133"/>
      <c r="H746" s="133"/>
      <c r="I746" s="133"/>
      <c r="J746" s="133"/>
      <c r="K746" s="133"/>
      <c r="L746" s="133"/>
      <c r="M746" s="133"/>
      <c r="N746" s="133"/>
      <c r="O746" s="133"/>
      <c r="P746" s="133"/>
      <c r="Q746" s="133"/>
      <c r="R746" s="133"/>
      <c r="S746" s="133"/>
      <c r="T746" s="133"/>
      <c r="U746" s="133"/>
      <c r="V746" s="133"/>
      <c r="W746" s="133"/>
      <c r="X746" s="133"/>
      <c r="Y746" s="133"/>
      <c r="Z746" s="133"/>
      <c r="AA746" s="133"/>
      <c r="AB746" s="133"/>
      <c r="AC746" s="133"/>
      <c r="AD746" s="133"/>
      <c r="AE746" s="133"/>
      <c r="AF746" s="133"/>
      <c r="AG746" s="133"/>
      <c r="AH746" s="133"/>
      <c r="AI746" s="133"/>
      <c r="AJ746" s="133"/>
      <c r="AK746" s="126"/>
      <c r="AL746" s="126"/>
    </row>
    <row r="747" spans="1:38" s="76" customFormat="1" ht="13.5" customHeight="1" thickTop="1">
      <c r="B747" s="148"/>
      <c r="C747" s="306" t="s">
        <v>193</v>
      </c>
      <c r="D747" s="262"/>
      <c r="E747" s="262"/>
      <c r="F747" s="262"/>
      <c r="G747" s="262"/>
      <c r="H747" s="262"/>
      <c r="I747" s="262"/>
      <c r="J747" s="262"/>
      <c r="K747" s="262"/>
      <c r="L747" s="262"/>
      <c r="M747" s="262"/>
      <c r="N747" s="262"/>
      <c r="O747" s="262"/>
      <c r="P747" s="262"/>
      <c r="Q747" s="262"/>
      <c r="R747" s="262"/>
      <c r="S747" s="262"/>
      <c r="T747" s="262"/>
      <c r="U747" s="262"/>
      <c r="V747" s="262"/>
      <c r="W747" s="262"/>
      <c r="X747" s="262"/>
      <c r="Y747" s="262"/>
      <c r="Z747" s="262"/>
      <c r="AA747" s="262"/>
      <c r="AB747" s="262"/>
      <c r="AC747" s="262"/>
      <c r="AD747" s="262"/>
      <c r="AE747" s="262"/>
      <c r="AF747" s="262"/>
      <c r="AG747" s="262"/>
      <c r="AH747" s="262"/>
      <c r="AI747" s="262"/>
      <c r="AJ747" s="311"/>
      <c r="AK747" s="275"/>
      <c r="AL747" s="276"/>
    </row>
    <row r="748" spans="1:38" s="76" customFormat="1" ht="13.5" customHeight="1" thickBot="1">
      <c r="B748" s="148"/>
      <c r="C748" s="307"/>
      <c r="D748" s="281"/>
      <c r="E748" s="281"/>
      <c r="F748" s="281"/>
      <c r="G748" s="281"/>
      <c r="H748" s="281"/>
      <c r="I748" s="281"/>
      <c r="J748" s="281"/>
      <c r="K748" s="281"/>
      <c r="L748" s="281"/>
      <c r="M748" s="281"/>
      <c r="N748" s="281"/>
      <c r="O748" s="281"/>
      <c r="P748" s="281"/>
      <c r="Q748" s="281"/>
      <c r="R748" s="281"/>
      <c r="S748" s="281"/>
      <c r="T748" s="281"/>
      <c r="U748" s="281"/>
      <c r="V748" s="281"/>
      <c r="W748" s="281"/>
      <c r="X748" s="281"/>
      <c r="Y748" s="281"/>
      <c r="Z748" s="281"/>
      <c r="AA748" s="281"/>
      <c r="AB748" s="281"/>
      <c r="AC748" s="281"/>
      <c r="AD748" s="281"/>
      <c r="AE748" s="281"/>
      <c r="AF748" s="281"/>
      <c r="AG748" s="281"/>
      <c r="AH748" s="281"/>
      <c r="AI748" s="281"/>
      <c r="AJ748" s="312"/>
      <c r="AK748" s="277"/>
      <c r="AL748" s="278"/>
    </row>
    <row r="749" spans="1:38" s="76" customFormat="1" ht="13.5" customHeight="1" thickTop="1">
      <c r="B749" s="148"/>
      <c r="C749" s="308"/>
      <c r="D749" s="284"/>
      <c r="E749" s="284"/>
      <c r="F749" s="284"/>
      <c r="G749" s="284"/>
      <c r="H749" s="284"/>
      <c r="I749" s="284"/>
      <c r="J749" s="284"/>
      <c r="K749" s="284"/>
      <c r="L749" s="284"/>
      <c r="M749" s="284"/>
      <c r="N749" s="284"/>
      <c r="O749" s="284"/>
      <c r="P749" s="284"/>
      <c r="Q749" s="284"/>
      <c r="R749" s="284"/>
      <c r="S749" s="284"/>
      <c r="T749" s="284"/>
      <c r="U749" s="284"/>
      <c r="V749" s="284"/>
      <c r="W749" s="284"/>
      <c r="X749" s="284"/>
      <c r="Y749" s="284"/>
      <c r="Z749" s="284"/>
      <c r="AA749" s="284"/>
      <c r="AB749" s="284"/>
      <c r="AC749" s="284"/>
      <c r="AD749" s="284"/>
      <c r="AE749" s="284"/>
      <c r="AF749" s="284"/>
      <c r="AG749" s="284"/>
      <c r="AH749" s="284"/>
      <c r="AI749" s="284"/>
      <c r="AJ749" s="284"/>
      <c r="AK749" s="137"/>
      <c r="AL749" s="162"/>
    </row>
    <row r="750" spans="1:38" s="76" customFormat="1" ht="13.5" customHeight="1">
      <c r="B750" s="96"/>
      <c r="C750" s="133"/>
      <c r="D750" s="133"/>
      <c r="E750" s="133"/>
      <c r="F750" s="133"/>
      <c r="G750" s="133"/>
      <c r="H750" s="133"/>
      <c r="I750" s="133"/>
      <c r="J750" s="133"/>
      <c r="K750" s="133"/>
      <c r="L750" s="133"/>
      <c r="M750" s="133"/>
      <c r="N750" s="133"/>
      <c r="O750" s="133"/>
      <c r="P750" s="133"/>
      <c r="Q750" s="133"/>
      <c r="R750" s="133"/>
      <c r="S750" s="133"/>
      <c r="T750" s="133"/>
      <c r="U750" s="133"/>
      <c r="V750" s="133"/>
      <c r="W750" s="133"/>
      <c r="X750" s="133"/>
      <c r="Y750" s="133"/>
      <c r="Z750" s="133"/>
      <c r="AA750" s="133"/>
      <c r="AB750" s="133"/>
      <c r="AC750" s="133"/>
      <c r="AD750" s="133"/>
      <c r="AE750" s="133"/>
      <c r="AF750" s="133"/>
      <c r="AG750" s="133"/>
      <c r="AH750" s="133"/>
      <c r="AI750" s="133"/>
      <c r="AJ750" s="133"/>
      <c r="AK750" s="126"/>
      <c r="AL750" s="126"/>
    </row>
    <row r="751" spans="1:38" s="76" customFormat="1" ht="13.5" customHeight="1">
      <c r="A751" s="127" t="s">
        <v>132</v>
      </c>
      <c r="B751" s="96"/>
      <c r="C751" s="133"/>
      <c r="D751" s="133"/>
      <c r="E751" s="133"/>
      <c r="F751" s="133"/>
      <c r="G751" s="133"/>
      <c r="H751" s="133"/>
      <c r="I751" s="133"/>
      <c r="J751" s="133"/>
      <c r="K751" s="133"/>
      <c r="L751" s="133"/>
      <c r="M751" s="133"/>
      <c r="N751" s="133"/>
      <c r="O751" s="133"/>
      <c r="P751" s="133"/>
      <c r="Q751" s="133"/>
      <c r="R751" s="133"/>
      <c r="S751" s="133"/>
      <c r="T751" s="133"/>
      <c r="U751" s="133"/>
      <c r="V751" s="133"/>
      <c r="W751" s="133"/>
      <c r="X751" s="133"/>
      <c r="Y751" s="133"/>
      <c r="Z751" s="133"/>
      <c r="AA751" s="133"/>
      <c r="AB751" s="133"/>
      <c r="AC751" s="133"/>
      <c r="AD751" s="133"/>
      <c r="AE751" s="133"/>
      <c r="AF751" s="133"/>
      <c r="AG751" s="133"/>
      <c r="AH751" s="133"/>
      <c r="AI751" s="133"/>
      <c r="AJ751" s="133"/>
      <c r="AK751" s="126"/>
      <c r="AL751" s="126"/>
    </row>
    <row r="752" spans="1:38" s="76" customFormat="1" ht="13.5" customHeight="1" thickBot="1">
      <c r="A752" s="129" t="s">
        <v>234</v>
      </c>
      <c r="B752" s="96"/>
      <c r="C752" s="133"/>
      <c r="D752" s="133"/>
      <c r="E752" s="133"/>
      <c r="F752" s="133"/>
      <c r="G752" s="133"/>
      <c r="H752" s="133"/>
      <c r="I752" s="133"/>
      <c r="J752" s="133"/>
      <c r="K752" s="133"/>
      <c r="L752" s="133"/>
      <c r="M752" s="133"/>
      <c r="N752" s="133"/>
      <c r="O752" s="133"/>
      <c r="P752" s="133"/>
      <c r="Q752" s="133"/>
      <c r="R752" s="133"/>
      <c r="S752" s="133"/>
      <c r="T752" s="133"/>
      <c r="U752" s="133"/>
      <c r="V752" s="133"/>
      <c r="W752" s="133"/>
      <c r="X752" s="133"/>
      <c r="Y752" s="133"/>
      <c r="Z752" s="133"/>
      <c r="AA752" s="133"/>
      <c r="AB752" s="133"/>
      <c r="AC752" s="133"/>
      <c r="AD752" s="133"/>
      <c r="AE752" s="133"/>
      <c r="AF752" s="133"/>
      <c r="AG752" s="133"/>
      <c r="AH752" s="133"/>
      <c r="AI752" s="133"/>
      <c r="AJ752" s="133"/>
      <c r="AK752" s="126"/>
      <c r="AL752" s="126"/>
    </row>
    <row r="753" spans="1:38" s="76" customFormat="1" ht="13.5" customHeight="1" thickTop="1">
      <c r="A753" s="266">
        <v>86</v>
      </c>
      <c r="B753" s="302"/>
      <c r="C753" s="270" t="s">
        <v>563</v>
      </c>
      <c r="D753" s="271"/>
      <c r="E753" s="271"/>
      <c r="F753" s="271"/>
      <c r="G753" s="271"/>
      <c r="H753" s="271"/>
      <c r="I753" s="271"/>
      <c r="J753" s="271"/>
      <c r="K753" s="271"/>
      <c r="L753" s="271"/>
      <c r="M753" s="271"/>
      <c r="N753" s="271"/>
      <c r="O753" s="271"/>
      <c r="P753" s="271"/>
      <c r="Q753" s="271"/>
      <c r="R753" s="271"/>
      <c r="S753" s="271"/>
      <c r="T753" s="271"/>
      <c r="U753" s="271"/>
      <c r="V753" s="271"/>
      <c r="W753" s="271"/>
      <c r="X753" s="271"/>
      <c r="Y753" s="271"/>
      <c r="Z753" s="271"/>
      <c r="AA753" s="271"/>
      <c r="AB753" s="271"/>
      <c r="AC753" s="271"/>
      <c r="AD753" s="271"/>
      <c r="AE753" s="271"/>
      <c r="AF753" s="271"/>
      <c r="AG753" s="271"/>
      <c r="AH753" s="271"/>
      <c r="AI753" s="271"/>
      <c r="AJ753" s="271"/>
      <c r="AK753" s="275"/>
      <c r="AL753" s="276"/>
    </row>
    <row r="754" spans="1:38" s="76" customFormat="1" ht="13.5" customHeight="1" thickBot="1">
      <c r="A754" s="268"/>
      <c r="B754" s="303"/>
      <c r="C754" s="272"/>
      <c r="D754" s="281"/>
      <c r="E754" s="281"/>
      <c r="F754" s="281"/>
      <c r="G754" s="281"/>
      <c r="H754" s="281"/>
      <c r="I754" s="281"/>
      <c r="J754" s="281"/>
      <c r="K754" s="281"/>
      <c r="L754" s="281"/>
      <c r="M754" s="281"/>
      <c r="N754" s="281"/>
      <c r="O754" s="281"/>
      <c r="P754" s="281"/>
      <c r="Q754" s="281"/>
      <c r="R754" s="281"/>
      <c r="S754" s="281"/>
      <c r="T754" s="281"/>
      <c r="U754" s="281"/>
      <c r="V754" s="281"/>
      <c r="W754" s="281"/>
      <c r="X754" s="281"/>
      <c r="Y754" s="281"/>
      <c r="Z754" s="281"/>
      <c r="AA754" s="281"/>
      <c r="AB754" s="281"/>
      <c r="AC754" s="281"/>
      <c r="AD754" s="281"/>
      <c r="AE754" s="281"/>
      <c r="AF754" s="281"/>
      <c r="AG754" s="281"/>
      <c r="AH754" s="281"/>
      <c r="AI754" s="281"/>
      <c r="AJ754" s="281"/>
      <c r="AK754" s="277"/>
      <c r="AL754" s="278"/>
    </row>
    <row r="755" spans="1:38" s="76" customFormat="1" ht="13.5" customHeight="1" thickTop="1">
      <c r="A755" s="125"/>
      <c r="B755" s="125"/>
      <c r="C755" s="272"/>
      <c r="D755" s="281"/>
      <c r="E755" s="281"/>
      <c r="F755" s="281"/>
      <c r="G755" s="281"/>
      <c r="H755" s="281"/>
      <c r="I755" s="281"/>
      <c r="J755" s="281"/>
      <c r="K755" s="281"/>
      <c r="L755" s="281"/>
      <c r="M755" s="281"/>
      <c r="N755" s="281"/>
      <c r="O755" s="281"/>
      <c r="P755" s="281"/>
      <c r="Q755" s="281"/>
      <c r="R755" s="281"/>
      <c r="S755" s="281"/>
      <c r="T755" s="281"/>
      <c r="U755" s="281"/>
      <c r="V755" s="281"/>
      <c r="W755" s="281"/>
      <c r="X755" s="281"/>
      <c r="Y755" s="281"/>
      <c r="Z755" s="281"/>
      <c r="AA755" s="281"/>
      <c r="AB755" s="281"/>
      <c r="AC755" s="281"/>
      <c r="AD755" s="281"/>
      <c r="AE755" s="281"/>
      <c r="AF755" s="281"/>
      <c r="AG755" s="281"/>
      <c r="AH755" s="281"/>
      <c r="AI755" s="281"/>
      <c r="AJ755" s="281"/>
      <c r="AK755" s="130"/>
      <c r="AL755" s="126"/>
    </row>
    <row r="756" spans="1:38" s="76" customFormat="1" ht="13.5" customHeight="1">
      <c r="A756" s="125"/>
      <c r="B756" s="125"/>
      <c r="C756" s="272"/>
      <c r="D756" s="281"/>
      <c r="E756" s="281"/>
      <c r="F756" s="281"/>
      <c r="G756" s="281"/>
      <c r="H756" s="281"/>
      <c r="I756" s="281"/>
      <c r="J756" s="281"/>
      <c r="K756" s="281"/>
      <c r="L756" s="281"/>
      <c r="M756" s="281"/>
      <c r="N756" s="281"/>
      <c r="O756" s="281"/>
      <c r="P756" s="281"/>
      <c r="Q756" s="281"/>
      <c r="R756" s="281"/>
      <c r="S756" s="281"/>
      <c r="T756" s="281"/>
      <c r="U756" s="281"/>
      <c r="V756" s="281"/>
      <c r="W756" s="281"/>
      <c r="X756" s="281"/>
      <c r="Y756" s="281"/>
      <c r="Z756" s="281"/>
      <c r="AA756" s="281"/>
      <c r="AB756" s="281"/>
      <c r="AC756" s="281"/>
      <c r="AD756" s="281"/>
      <c r="AE756" s="281"/>
      <c r="AF756" s="281"/>
      <c r="AG756" s="281"/>
      <c r="AH756" s="281"/>
      <c r="AI756" s="281"/>
      <c r="AJ756" s="281"/>
      <c r="AK756" s="131"/>
      <c r="AL756" s="126"/>
    </row>
    <row r="757" spans="1:38" s="76" customFormat="1" ht="13.5" customHeight="1">
      <c r="A757" s="125"/>
      <c r="B757" s="125"/>
      <c r="C757" s="272"/>
      <c r="D757" s="281"/>
      <c r="E757" s="281"/>
      <c r="F757" s="281"/>
      <c r="G757" s="281"/>
      <c r="H757" s="281"/>
      <c r="I757" s="281"/>
      <c r="J757" s="281"/>
      <c r="K757" s="281"/>
      <c r="L757" s="281"/>
      <c r="M757" s="281"/>
      <c r="N757" s="281"/>
      <c r="O757" s="281"/>
      <c r="P757" s="281"/>
      <c r="Q757" s="281"/>
      <c r="R757" s="281"/>
      <c r="S757" s="281"/>
      <c r="T757" s="281"/>
      <c r="U757" s="281"/>
      <c r="V757" s="281"/>
      <c r="W757" s="281"/>
      <c r="X757" s="281"/>
      <c r="Y757" s="281"/>
      <c r="Z757" s="281"/>
      <c r="AA757" s="281"/>
      <c r="AB757" s="281"/>
      <c r="AC757" s="281"/>
      <c r="AD757" s="281"/>
      <c r="AE757" s="281"/>
      <c r="AF757" s="281"/>
      <c r="AG757" s="281"/>
      <c r="AH757" s="281"/>
      <c r="AI757" s="281"/>
      <c r="AJ757" s="281"/>
      <c r="AK757" s="131"/>
      <c r="AL757" s="126"/>
    </row>
    <row r="758" spans="1:38" s="76" customFormat="1" ht="13.5" customHeight="1">
      <c r="A758" s="125"/>
      <c r="B758" s="125"/>
      <c r="C758" s="273"/>
      <c r="D758" s="274"/>
      <c r="E758" s="274"/>
      <c r="F758" s="274"/>
      <c r="G758" s="274"/>
      <c r="H758" s="274"/>
      <c r="I758" s="274"/>
      <c r="J758" s="274"/>
      <c r="K758" s="274"/>
      <c r="L758" s="274"/>
      <c r="M758" s="274"/>
      <c r="N758" s="274"/>
      <c r="O758" s="274"/>
      <c r="P758" s="274"/>
      <c r="Q758" s="274"/>
      <c r="R758" s="274"/>
      <c r="S758" s="274"/>
      <c r="T758" s="274"/>
      <c r="U758" s="274"/>
      <c r="V758" s="274"/>
      <c r="W758" s="274"/>
      <c r="X758" s="274"/>
      <c r="Y758" s="274"/>
      <c r="Z758" s="274"/>
      <c r="AA758" s="274"/>
      <c r="AB758" s="274"/>
      <c r="AC758" s="274"/>
      <c r="AD758" s="274"/>
      <c r="AE758" s="274"/>
      <c r="AF758" s="274"/>
      <c r="AG758" s="274"/>
      <c r="AH758" s="274"/>
      <c r="AI758" s="274"/>
      <c r="AJ758" s="314"/>
      <c r="AK758" s="126"/>
      <c r="AL758" s="126"/>
    </row>
    <row r="759" spans="1:38" s="76" customFormat="1" ht="13.5" customHeight="1">
      <c r="A759" s="125"/>
      <c r="B759" s="125"/>
      <c r="C759" s="133"/>
      <c r="D759" s="133"/>
      <c r="E759" s="133"/>
      <c r="F759" s="133"/>
      <c r="G759" s="133"/>
      <c r="H759" s="133"/>
      <c r="I759" s="133"/>
      <c r="J759" s="133"/>
      <c r="K759" s="133"/>
      <c r="L759" s="133"/>
      <c r="M759" s="133"/>
      <c r="N759" s="133"/>
      <c r="O759" s="133"/>
      <c r="P759" s="133"/>
      <c r="Q759" s="133"/>
      <c r="R759" s="133"/>
      <c r="S759" s="133"/>
      <c r="T759" s="133"/>
      <c r="U759" s="133"/>
      <c r="V759" s="133"/>
      <c r="W759" s="133"/>
      <c r="X759" s="133"/>
      <c r="Y759" s="133"/>
      <c r="Z759" s="133"/>
      <c r="AA759" s="133"/>
      <c r="AB759" s="133"/>
      <c r="AC759" s="133"/>
      <c r="AD759" s="133"/>
      <c r="AE759" s="133"/>
      <c r="AF759" s="133"/>
      <c r="AG759" s="133"/>
      <c r="AH759" s="133"/>
      <c r="AI759" s="133"/>
      <c r="AJ759" s="133"/>
      <c r="AK759" s="126"/>
      <c r="AL759" s="126"/>
    </row>
    <row r="760" spans="1:38" s="76" customFormat="1" ht="13.5" customHeight="1">
      <c r="A760" s="163" t="s">
        <v>133</v>
      </c>
      <c r="B760" s="163"/>
      <c r="C760" s="163"/>
      <c r="D760" s="163"/>
      <c r="E760" s="163"/>
      <c r="F760" s="163"/>
      <c r="G760" s="163"/>
      <c r="H760" s="163"/>
      <c r="I760" s="163"/>
      <c r="J760" s="163"/>
      <c r="K760" s="163"/>
      <c r="L760" s="163"/>
      <c r="M760" s="163"/>
      <c r="N760" s="163"/>
      <c r="O760" s="163"/>
      <c r="P760" s="163"/>
      <c r="Q760" s="163"/>
      <c r="R760" s="163"/>
      <c r="S760" s="163"/>
      <c r="T760" s="163"/>
      <c r="U760" s="133"/>
      <c r="V760" s="133"/>
      <c r="W760" s="133"/>
      <c r="X760" s="133"/>
      <c r="Y760" s="133"/>
      <c r="Z760" s="133"/>
      <c r="AA760" s="133"/>
      <c r="AB760" s="133"/>
      <c r="AC760" s="133"/>
      <c r="AD760" s="133"/>
      <c r="AE760" s="133"/>
      <c r="AF760" s="133"/>
      <c r="AG760" s="133"/>
      <c r="AH760" s="133"/>
      <c r="AI760" s="133"/>
      <c r="AJ760" s="133"/>
      <c r="AK760" s="126"/>
      <c r="AL760" s="126"/>
    </row>
    <row r="761" spans="1:38" s="76" customFormat="1" ht="13.5" customHeight="1" thickBot="1">
      <c r="A761" s="129" t="s">
        <v>235</v>
      </c>
      <c r="B761" s="163"/>
      <c r="C761" s="163"/>
      <c r="D761" s="163"/>
      <c r="E761" s="163"/>
      <c r="F761" s="163"/>
      <c r="G761" s="163"/>
      <c r="H761" s="163"/>
      <c r="I761" s="163"/>
      <c r="J761" s="163"/>
      <c r="K761" s="163"/>
      <c r="L761" s="163"/>
      <c r="M761" s="163"/>
      <c r="N761" s="163"/>
      <c r="O761" s="163"/>
      <c r="P761" s="163"/>
      <c r="Q761" s="163"/>
      <c r="R761" s="163"/>
      <c r="S761" s="163"/>
      <c r="T761" s="163"/>
      <c r="U761" s="133"/>
      <c r="V761" s="133"/>
      <c r="W761" s="133"/>
      <c r="X761" s="133"/>
      <c r="Y761" s="133"/>
      <c r="Z761" s="133"/>
      <c r="AA761" s="133"/>
      <c r="AB761" s="133"/>
      <c r="AC761" s="133"/>
      <c r="AD761" s="133"/>
      <c r="AE761" s="133"/>
      <c r="AF761" s="133"/>
      <c r="AG761" s="133"/>
      <c r="AH761" s="133"/>
      <c r="AI761" s="133"/>
      <c r="AJ761" s="133"/>
      <c r="AK761" s="126"/>
      <c r="AL761" s="126"/>
    </row>
    <row r="762" spans="1:38" s="76" customFormat="1" ht="13.5" customHeight="1" thickTop="1">
      <c r="A762" s="266">
        <v>87</v>
      </c>
      <c r="B762" s="302"/>
      <c r="C762" s="270" t="s">
        <v>564</v>
      </c>
      <c r="D762" s="271"/>
      <c r="E762" s="271"/>
      <c r="F762" s="271"/>
      <c r="G762" s="271"/>
      <c r="H762" s="271"/>
      <c r="I762" s="271"/>
      <c r="J762" s="271"/>
      <c r="K762" s="271"/>
      <c r="L762" s="271"/>
      <c r="M762" s="271"/>
      <c r="N762" s="271"/>
      <c r="O762" s="271"/>
      <c r="P762" s="271"/>
      <c r="Q762" s="271"/>
      <c r="R762" s="271"/>
      <c r="S762" s="271"/>
      <c r="T762" s="271"/>
      <c r="U762" s="271"/>
      <c r="V762" s="271"/>
      <c r="W762" s="271"/>
      <c r="X762" s="271"/>
      <c r="Y762" s="271"/>
      <c r="Z762" s="271"/>
      <c r="AA762" s="271"/>
      <c r="AB762" s="271"/>
      <c r="AC762" s="271"/>
      <c r="AD762" s="271"/>
      <c r="AE762" s="271"/>
      <c r="AF762" s="271"/>
      <c r="AG762" s="271"/>
      <c r="AH762" s="271"/>
      <c r="AI762" s="271"/>
      <c r="AJ762" s="271"/>
      <c r="AK762" s="275"/>
      <c r="AL762" s="276"/>
    </row>
    <row r="763" spans="1:38" s="76" customFormat="1" ht="13.5" customHeight="1" thickBot="1">
      <c r="A763" s="268"/>
      <c r="B763" s="303"/>
      <c r="C763" s="272"/>
      <c r="D763" s="281"/>
      <c r="E763" s="281"/>
      <c r="F763" s="281"/>
      <c r="G763" s="281"/>
      <c r="H763" s="281"/>
      <c r="I763" s="281"/>
      <c r="J763" s="281"/>
      <c r="K763" s="281"/>
      <c r="L763" s="281"/>
      <c r="M763" s="281"/>
      <c r="N763" s="281"/>
      <c r="O763" s="281"/>
      <c r="P763" s="281"/>
      <c r="Q763" s="281"/>
      <c r="R763" s="281"/>
      <c r="S763" s="281"/>
      <c r="T763" s="281"/>
      <c r="U763" s="281"/>
      <c r="V763" s="281"/>
      <c r="W763" s="281"/>
      <c r="X763" s="281"/>
      <c r="Y763" s="281"/>
      <c r="Z763" s="281"/>
      <c r="AA763" s="281"/>
      <c r="AB763" s="281"/>
      <c r="AC763" s="281"/>
      <c r="AD763" s="281"/>
      <c r="AE763" s="281"/>
      <c r="AF763" s="281"/>
      <c r="AG763" s="281"/>
      <c r="AH763" s="281"/>
      <c r="AI763" s="281"/>
      <c r="AJ763" s="281"/>
      <c r="AK763" s="277"/>
      <c r="AL763" s="278"/>
    </row>
    <row r="764" spans="1:38" s="76" customFormat="1" ht="13.5" customHeight="1" thickTop="1">
      <c r="A764" s="125"/>
      <c r="B764" s="125"/>
      <c r="C764" s="273"/>
      <c r="D764" s="274"/>
      <c r="E764" s="274"/>
      <c r="F764" s="274"/>
      <c r="G764" s="274"/>
      <c r="H764" s="274"/>
      <c r="I764" s="274"/>
      <c r="J764" s="274"/>
      <c r="K764" s="274"/>
      <c r="L764" s="274"/>
      <c r="M764" s="274"/>
      <c r="N764" s="274"/>
      <c r="O764" s="274"/>
      <c r="P764" s="274"/>
      <c r="Q764" s="274"/>
      <c r="R764" s="274"/>
      <c r="S764" s="274"/>
      <c r="T764" s="274"/>
      <c r="U764" s="274"/>
      <c r="V764" s="274"/>
      <c r="W764" s="274"/>
      <c r="X764" s="274"/>
      <c r="Y764" s="274"/>
      <c r="Z764" s="274"/>
      <c r="AA764" s="274"/>
      <c r="AB764" s="274"/>
      <c r="AC764" s="274"/>
      <c r="AD764" s="274"/>
      <c r="AE764" s="274"/>
      <c r="AF764" s="274"/>
      <c r="AG764" s="274"/>
      <c r="AH764" s="274"/>
      <c r="AI764" s="274"/>
      <c r="AJ764" s="314"/>
      <c r="AK764" s="126"/>
      <c r="AL764" s="126"/>
    </row>
    <row r="765" spans="1:38" s="76" customFormat="1" ht="13.5" customHeight="1" thickBot="1">
      <c r="A765" s="125"/>
      <c r="B765" s="125"/>
      <c r="C765" s="126"/>
      <c r="D765" s="126"/>
      <c r="E765" s="126"/>
      <c r="F765" s="126"/>
      <c r="G765" s="126"/>
      <c r="H765" s="126"/>
      <c r="I765" s="126"/>
      <c r="J765" s="126"/>
      <c r="K765" s="126"/>
      <c r="L765" s="126"/>
      <c r="M765" s="126"/>
      <c r="N765" s="126"/>
      <c r="O765" s="126"/>
      <c r="P765" s="126"/>
      <c r="Q765" s="126"/>
      <c r="R765" s="126"/>
      <c r="S765" s="126"/>
      <c r="T765" s="126"/>
      <c r="U765" s="126"/>
      <c r="V765" s="126"/>
      <c r="W765" s="126"/>
      <c r="X765" s="126"/>
      <c r="Y765" s="126"/>
      <c r="Z765" s="126"/>
      <c r="AA765" s="126"/>
      <c r="AB765" s="126"/>
      <c r="AC765" s="126"/>
      <c r="AD765" s="126"/>
      <c r="AE765" s="126"/>
      <c r="AF765" s="126"/>
      <c r="AG765" s="126"/>
      <c r="AH765" s="126"/>
      <c r="AI765" s="126"/>
      <c r="AJ765" s="126"/>
      <c r="AK765" s="126"/>
      <c r="AL765" s="126"/>
    </row>
    <row r="766" spans="1:38" s="76" customFormat="1" ht="13.5" customHeight="1" thickTop="1">
      <c r="B766" s="96"/>
      <c r="C766" s="285" t="s">
        <v>194</v>
      </c>
      <c r="D766" s="286"/>
      <c r="E766" s="286"/>
      <c r="F766" s="286"/>
      <c r="G766" s="286"/>
      <c r="H766" s="286"/>
      <c r="I766" s="286"/>
      <c r="J766" s="286"/>
      <c r="K766" s="286"/>
      <c r="L766" s="286"/>
      <c r="M766" s="286"/>
      <c r="N766" s="286"/>
      <c r="O766" s="286"/>
      <c r="P766" s="286"/>
      <c r="Q766" s="286"/>
      <c r="R766" s="286"/>
      <c r="S766" s="286"/>
      <c r="T766" s="286"/>
      <c r="U766" s="286"/>
      <c r="V766" s="286"/>
      <c r="W766" s="286"/>
      <c r="X766" s="286"/>
      <c r="Y766" s="286"/>
      <c r="Z766" s="286"/>
      <c r="AA766" s="286"/>
      <c r="AB766" s="286"/>
      <c r="AC766" s="286"/>
      <c r="AD766" s="286"/>
      <c r="AE766" s="286"/>
      <c r="AF766" s="286"/>
      <c r="AG766" s="286"/>
      <c r="AH766" s="286"/>
      <c r="AI766" s="286"/>
      <c r="AJ766" s="286"/>
      <c r="AK766" s="275"/>
      <c r="AL766" s="276"/>
    </row>
    <row r="767" spans="1:38" s="76" customFormat="1" ht="13.5" customHeight="1" thickBot="1">
      <c r="B767" s="96"/>
      <c r="C767" s="309"/>
      <c r="D767" s="251"/>
      <c r="E767" s="251"/>
      <c r="F767" s="251"/>
      <c r="G767" s="251"/>
      <c r="H767" s="251"/>
      <c r="I767" s="251"/>
      <c r="J767" s="251"/>
      <c r="K767" s="251"/>
      <c r="L767" s="251"/>
      <c r="M767" s="251"/>
      <c r="N767" s="251"/>
      <c r="O767" s="251"/>
      <c r="P767" s="251"/>
      <c r="Q767" s="251"/>
      <c r="R767" s="251"/>
      <c r="S767" s="251"/>
      <c r="T767" s="251"/>
      <c r="U767" s="251"/>
      <c r="V767" s="251"/>
      <c r="W767" s="251"/>
      <c r="X767" s="251"/>
      <c r="Y767" s="251"/>
      <c r="Z767" s="251"/>
      <c r="AA767" s="251"/>
      <c r="AB767" s="251"/>
      <c r="AC767" s="251"/>
      <c r="AD767" s="251"/>
      <c r="AE767" s="251"/>
      <c r="AF767" s="251"/>
      <c r="AG767" s="251"/>
      <c r="AH767" s="251"/>
      <c r="AI767" s="251"/>
      <c r="AJ767" s="251"/>
      <c r="AK767" s="277"/>
      <c r="AL767" s="278"/>
    </row>
    <row r="768" spans="1:38" s="76" customFormat="1" ht="13.5" customHeight="1" thickTop="1" thickBot="1">
      <c r="A768" s="125"/>
      <c r="B768" s="125"/>
      <c r="C768" s="288"/>
      <c r="D768" s="289"/>
      <c r="E768" s="289"/>
      <c r="F768" s="289"/>
      <c r="G768" s="289"/>
      <c r="H768" s="289"/>
      <c r="I768" s="289"/>
      <c r="J768" s="289"/>
      <c r="K768" s="289"/>
      <c r="L768" s="289"/>
      <c r="M768" s="289"/>
      <c r="N768" s="289"/>
      <c r="O768" s="289"/>
      <c r="P768" s="289"/>
      <c r="Q768" s="289"/>
      <c r="R768" s="289"/>
      <c r="S768" s="289"/>
      <c r="T768" s="289"/>
      <c r="U768" s="289"/>
      <c r="V768" s="289"/>
      <c r="W768" s="289"/>
      <c r="X768" s="289"/>
      <c r="Y768" s="289"/>
      <c r="Z768" s="289"/>
      <c r="AA768" s="289"/>
      <c r="AB768" s="289"/>
      <c r="AC768" s="289"/>
      <c r="AD768" s="289"/>
      <c r="AE768" s="289"/>
      <c r="AF768" s="289"/>
      <c r="AG768" s="289"/>
      <c r="AH768" s="289"/>
      <c r="AI768" s="289"/>
      <c r="AJ768" s="289"/>
      <c r="AK768" s="137"/>
      <c r="AL768" s="126"/>
    </row>
    <row r="769" spans="1:38" s="76" customFormat="1" ht="13.5" customHeight="1" thickTop="1">
      <c r="B769" s="96"/>
      <c r="C769" s="285" t="s">
        <v>195</v>
      </c>
      <c r="D769" s="286"/>
      <c r="E769" s="286"/>
      <c r="F769" s="286"/>
      <c r="G769" s="286"/>
      <c r="H769" s="286"/>
      <c r="I769" s="286"/>
      <c r="J769" s="286"/>
      <c r="K769" s="286"/>
      <c r="L769" s="286"/>
      <c r="M769" s="286"/>
      <c r="N769" s="286"/>
      <c r="O769" s="286"/>
      <c r="P769" s="286"/>
      <c r="Q769" s="286"/>
      <c r="R769" s="286"/>
      <c r="S769" s="286"/>
      <c r="T769" s="286"/>
      <c r="U769" s="286"/>
      <c r="V769" s="286"/>
      <c r="W769" s="286"/>
      <c r="X769" s="286"/>
      <c r="Y769" s="286"/>
      <c r="Z769" s="286"/>
      <c r="AA769" s="286"/>
      <c r="AB769" s="286"/>
      <c r="AC769" s="286"/>
      <c r="AD769" s="286"/>
      <c r="AE769" s="286"/>
      <c r="AF769" s="286"/>
      <c r="AG769" s="286"/>
      <c r="AH769" s="286"/>
      <c r="AI769" s="286"/>
      <c r="AJ769" s="419"/>
      <c r="AK769" s="275"/>
      <c r="AL769" s="276"/>
    </row>
    <row r="770" spans="1:38" s="76" customFormat="1" ht="13.5" customHeight="1" thickBot="1">
      <c r="B770" s="96"/>
      <c r="C770" s="288"/>
      <c r="D770" s="289"/>
      <c r="E770" s="289"/>
      <c r="F770" s="289"/>
      <c r="G770" s="289"/>
      <c r="H770" s="289"/>
      <c r="I770" s="289"/>
      <c r="J770" s="289"/>
      <c r="K770" s="289"/>
      <c r="L770" s="289"/>
      <c r="M770" s="289"/>
      <c r="N770" s="289"/>
      <c r="O770" s="289"/>
      <c r="P770" s="289"/>
      <c r="Q770" s="289"/>
      <c r="R770" s="289"/>
      <c r="S770" s="289"/>
      <c r="T770" s="289"/>
      <c r="U770" s="289"/>
      <c r="V770" s="289"/>
      <c r="W770" s="289"/>
      <c r="X770" s="289"/>
      <c r="Y770" s="289"/>
      <c r="Z770" s="289"/>
      <c r="AA770" s="289"/>
      <c r="AB770" s="289"/>
      <c r="AC770" s="289"/>
      <c r="AD770" s="289"/>
      <c r="AE770" s="289"/>
      <c r="AF770" s="289"/>
      <c r="AG770" s="289"/>
      <c r="AH770" s="289"/>
      <c r="AI770" s="289"/>
      <c r="AJ770" s="420"/>
      <c r="AK770" s="277"/>
      <c r="AL770" s="278"/>
    </row>
    <row r="771" spans="1:38" s="76" customFormat="1" ht="13.5" customHeight="1" thickTop="1">
      <c r="B771" s="96"/>
      <c r="C771" s="285" t="s">
        <v>196</v>
      </c>
      <c r="D771" s="286"/>
      <c r="E771" s="286"/>
      <c r="F771" s="286"/>
      <c r="G771" s="286"/>
      <c r="H771" s="286"/>
      <c r="I771" s="286"/>
      <c r="J771" s="286"/>
      <c r="K771" s="286"/>
      <c r="L771" s="286"/>
      <c r="M771" s="286"/>
      <c r="N771" s="286"/>
      <c r="O771" s="286"/>
      <c r="P771" s="286"/>
      <c r="Q771" s="286"/>
      <c r="R771" s="286"/>
      <c r="S771" s="286"/>
      <c r="T771" s="286"/>
      <c r="U771" s="286"/>
      <c r="V771" s="286"/>
      <c r="W771" s="286"/>
      <c r="X771" s="286"/>
      <c r="Y771" s="286"/>
      <c r="Z771" s="286"/>
      <c r="AA771" s="286"/>
      <c r="AB771" s="286"/>
      <c r="AC771" s="286"/>
      <c r="AD771" s="286"/>
      <c r="AE771" s="286"/>
      <c r="AF771" s="286"/>
      <c r="AG771" s="286"/>
      <c r="AH771" s="286"/>
      <c r="AI771" s="286"/>
      <c r="AJ771" s="419"/>
      <c r="AK771" s="275"/>
      <c r="AL771" s="276"/>
    </row>
    <row r="772" spans="1:38" s="76" customFormat="1" ht="13.5" customHeight="1" thickBot="1">
      <c r="B772" s="96"/>
      <c r="C772" s="288"/>
      <c r="D772" s="289"/>
      <c r="E772" s="289"/>
      <c r="F772" s="289"/>
      <c r="G772" s="289"/>
      <c r="H772" s="289"/>
      <c r="I772" s="289"/>
      <c r="J772" s="289"/>
      <c r="K772" s="289"/>
      <c r="L772" s="289"/>
      <c r="M772" s="289"/>
      <c r="N772" s="289"/>
      <c r="O772" s="289"/>
      <c r="P772" s="289"/>
      <c r="Q772" s="289"/>
      <c r="R772" s="289"/>
      <c r="S772" s="289"/>
      <c r="T772" s="289"/>
      <c r="U772" s="289"/>
      <c r="V772" s="289"/>
      <c r="W772" s="289"/>
      <c r="X772" s="289"/>
      <c r="Y772" s="289"/>
      <c r="Z772" s="289"/>
      <c r="AA772" s="289"/>
      <c r="AB772" s="289"/>
      <c r="AC772" s="289"/>
      <c r="AD772" s="289"/>
      <c r="AE772" s="289"/>
      <c r="AF772" s="289"/>
      <c r="AG772" s="289"/>
      <c r="AH772" s="289"/>
      <c r="AI772" s="289"/>
      <c r="AJ772" s="420"/>
      <c r="AK772" s="277"/>
      <c r="AL772" s="278"/>
    </row>
    <row r="773" spans="1:38" s="76" customFormat="1" ht="13.5" customHeight="1" thickTop="1">
      <c r="B773" s="96"/>
      <c r="C773" s="285" t="s">
        <v>197</v>
      </c>
      <c r="D773" s="286"/>
      <c r="E773" s="286"/>
      <c r="F773" s="286"/>
      <c r="G773" s="286"/>
      <c r="H773" s="286"/>
      <c r="I773" s="286"/>
      <c r="J773" s="286"/>
      <c r="K773" s="286"/>
      <c r="L773" s="286"/>
      <c r="M773" s="286"/>
      <c r="N773" s="286"/>
      <c r="O773" s="286"/>
      <c r="P773" s="286"/>
      <c r="Q773" s="286"/>
      <c r="R773" s="286"/>
      <c r="S773" s="286"/>
      <c r="T773" s="286"/>
      <c r="U773" s="286"/>
      <c r="V773" s="286"/>
      <c r="W773" s="286"/>
      <c r="X773" s="286"/>
      <c r="Y773" s="286"/>
      <c r="Z773" s="286"/>
      <c r="AA773" s="286"/>
      <c r="AB773" s="286"/>
      <c r="AC773" s="286"/>
      <c r="AD773" s="286"/>
      <c r="AE773" s="286"/>
      <c r="AF773" s="286"/>
      <c r="AG773" s="286"/>
      <c r="AH773" s="286"/>
      <c r="AI773" s="286"/>
      <c r="AJ773" s="286"/>
      <c r="AK773" s="275"/>
      <c r="AL773" s="276"/>
    </row>
    <row r="774" spans="1:38" s="76" customFormat="1" ht="13.5" customHeight="1" thickBot="1">
      <c r="B774" s="96"/>
      <c r="C774" s="309"/>
      <c r="D774" s="251"/>
      <c r="E774" s="251"/>
      <c r="F774" s="251"/>
      <c r="G774" s="251"/>
      <c r="H774" s="251"/>
      <c r="I774" s="251"/>
      <c r="J774" s="251"/>
      <c r="K774" s="251"/>
      <c r="L774" s="251"/>
      <c r="M774" s="251"/>
      <c r="N774" s="251"/>
      <c r="O774" s="251"/>
      <c r="P774" s="251"/>
      <c r="Q774" s="251"/>
      <c r="R774" s="251"/>
      <c r="S774" s="251"/>
      <c r="T774" s="251"/>
      <c r="U774" s="251"/>
      <c r="V774" s="251"/>
      <c r="W774" s="251"/>
      <c r="X774" s="251"/>
      <c r="Y774" s="251"/>
      <c r="Z774" s="251"/>
      <c r="AA774" s="251"/>
      <c r="AB774" s="251"/>
      <c r="AC774" s="251"/>
      <c r="AD774" s="251"/>
      <c r="AE774" s="251"/>
      <c r="AF774" s="251"/>
      <c r="AG774" s="251"/>
      <c r="AH774" s="251"/>
      <c r="AI774" s="251"/>
      <c r="AJ774" s="251"/>
      <c r="AK774" s="277"/>
      <c r="AL774" s="278"/>
    </row>
    <row r="775" spans="1:38" s="76" customFormat="1" ht="13.5" customHeight="1" thickTop="1">
      <c r="A775" s="125"/>
      <c r="B775" s="125"/>
      <c r="C775" s="288"/>
      <c r="D775" s="289"/>
      <c r="E775" s="289"/>
      <c r="F775" s="289"/>
      <c r="G775" s="289"/>
      <c r="H775" s="289"/>
      <c r="I775" s="289"/>
      <c r="J775" s="289"/>
      <c r="K775" s="289"/>
      <c r="L775" s="289"/>
      <c r="M775" s="289"/>
      <c r="N775" s="289"/>
      <c r="O775" s="289"/>
      <c r="P775" s="289"/>
      <c r="Q775" s="289"/>
      <c r="R775" s="289"/>
      <c r="S775" s="289"/>
      <c r="T775" s="289"/>
      <c r="U775" s="289"/>
      <c r="V775" s="289"/>
      <c r="W775" s="289"/>
      <c r="X775" s="289"/>
      <c r="Y775" s="289"/>
      <c r="Z775" s="289"/>
      <c r="AA775" s="289"/>
      <c r="AB775" s="289"/>
      <c r="AC775" s="289"/>
      <c r="AD775" s="289"/>
      <c r="AE775" s="289"/>
      <c r="AF775" s="289"/>
      <c r="AG775" s="289"/>
      <c r="AH775" s="289"/>
      <c r="AI775" s="289"/>
      <c r="AJ775" s="289"/>
      <c r="AK775" s="137"/>
      <c r="AL775" s="126"/>
    </row>
    <row r="776" spans="1:38" s="76" customFormat="1" ht="13.5" customHeight="1">
      <c r="A776" s="125"/>
      <c r="B776" s="125"/>
      <c r="C776" s="136"/>
      <c r="D776" s="139"/>
      <c r="E776" s="139"/>
      <c r="F776" s="139"/>
      <c r="G776" s="139"/>
      <c r="H776" s="139"/>
      <c r="I776" s="139"/>
      <c r="J776" s="139"/>
      <c r="K776" s="139"/>
      <c r="L776" s="139"/>
      <c r="M776" s="139"/>
      <c r="N776" s="139"/>
      <c r="O776" s="139"/>
      <c r="P776" s="139"/>
      <c r="Q776" s="139"/>
      <c r="R776" s="139"/>
      <c r="S776" s="139"/>
      <c r="T776" s="139"/>
      <c r="U776" s="139"/>
      <c r="V776" s="139"/>
      <c r="W776" s="139"/>
      <c r="X776" s="139"/>
      <c r="Y776" s="139"/>
      <c r="Z776" s="139"/>
      <c r="AA776" s="139"/>
      <c r="AB776" s="139"/>
      <c r="AC776" s="139"/>
      <c r="AD776" s="139"/>
      <c r="AE776" s="139"/>
      <c r="AF776" s="139"/>
      <c r="AG776" s="139"/>
      <c r="AH776" s="139"/>
      <c r="AI776" s="139"/>
      <c r="AJ776" s="139"/>
      <c r="AK776" s="126"/>
      <c r="AL776" s="126"/>
    </row>
    <row r="777" spans="1:38" s="76" customFormat="1" ht="13.5" customHeight="1">
      <c r="A777" s="163" t="s">
        <v>290</v>
      </c>
      <c r="B777" s="164"/>
      <c r="C777" s="164"/>
      <c r="D777" s="164"/>
      <c r="E777" s="164"/>
      <c r="F777" s="164"/>
      <c r="G777" s="164"/>
      <c r="H777" s="164"/>
      <c r="I777" s="164"/>
      <c r="J777" s="164"/>
      <c r="K777" s="164"/>
      <c r="L777" s="164"/>
      <c r="M777" s="164"/>
      <c r="N777" s="164"/>
      <c r="O777" s="164"/>
      <c r="P777" s="164"/>
      <c r="Q777" s="164"/>
      <c r="R777" s="164"/>
      <c r="S777" s="164"/>
      <c r="T777" s="164"/>
      <c r="U777" s="164"/>
      <c r="V777" s="164"/>
      <c r="W777" s="189"/>
      <c r="X777" s="189"/>
      <c r="Y777" s="189"/>
      <c r="Z777" s="189"/>
      <c r="AA777" s="189"/>
      <c r="AB777" s="139"/>
      <c r="AC777" s="139"/>
      <c r="AD777" s="139"/>
      <c r="AE777" s="139"/>
      <c r="AF777" s="139"/>
      <c r="AG777" s="139"/>
      <c r="AH777" s="139"/>
      <c r="AI777" s="139"/>
      <c r="AJ777" s="139"/>
      <c r="AK777" s="126"/>
      <c r="AL777" s="126"/>
    </row>
    <row r="778" spans="1:38" s="76" customFormat="1" ht="13.5" customHeight="1" thickBot="1">
      <c r="A778" s="129" t="s">
        <v>236</v>
      </c>
      <c r="B778" s="125"/>
      <c r="C778" s="136"/>
      <c r="D778" s="139"/>
      <c r="E778" s="139"/>
      <c r="F778" s="139"/>
      <c r="G778" s="139"/>
      <c r="H778" s="139"/>
      <c r="I778" s="139"/>
      <c r="J778" s="139"/>
      <c r="K778" s="139"/>
      <c r="L778" s="139"/>
      <c r="M778" s="139"/>
      <c r="N778" s="139"/>
      <c r="O778" s="139"/>
      <c r="P778" s="139"/>
      <c r="Q778" s="139"/>
      <c r="R778" s="139"/>
      <c r="S778" s="139"/>
      <c r="T778" s="139"/>
      <c r="U778" s="139"/>
      <c r="V778" s="139"/>
      <c r="W778" s="139"/>
      <c r="X778" s="139"/>
      <c r="Y778" s="139"/>
      <c r="Z778" s="139"/>
      <c r="AA778" s="139"/>
      <c r="AB778" s="139"/>
      <c r="AC778" s="139"/>
      <c r="AD778" s="139"/>
      <c r="AE778" s="139"/>
      <c r="AF778" s="139"/>
      <c r="AG778" s="139"/>
      <c r="AH778" s="139"/>
      <c r="AI778" s="139"/>
      <c r="AJ778" s="139"/>
      <c r="AK778" s="126"/>
      <c r="AL778" s="126"/>
    </row>
    <row r="779" spans="1:38" s="76" customFormat="1" ht="13.5" customHeight="1" thickTop="1">
      <c r="A779" s="266">
        <v>88</v>
      </c>
      <c r="B779" s="302"/>
      <c r="C779" s="270" t="s">
        <v>565</v>
      </c>
      <c r="D779" s="271"/>
      <c r="E779" s="271"/>
      <c r="F779" s="271"/>
      <c r="G779" s="271"/>
      <c r="H779" s="271"/>
      <c r="I779" s="271"/>
      <c r="J779" s="271"/>
      <c r="K779" s="271"/>
      <c r="L779" s="271"/>
      <c r="M779" s="271"/>
      <c r="N779" s="271"/>
      <c r="O779" s="271"/>
      <c r="P779" s="271"/>
      <c r="Q779" s="271"/>
      <c r="R779" s="271"/>
      <c r="S779" s="271"/>
      <c r="T779" s="271"/>
      <c r="U779" s="271"/>
      <c r="V779" s="271"/>
      <c r="W779" s="271"/>
      <c r="X779" s="271"/>
      <c r="Y779" s="271"/>
      <c r="Z779" s="271"/>
      <c r="AA779" s="271"/>
      <c r="AB779" s="271"/>
      <c r="AC779" s="271"/>
      <c r="AD779" s="271"/>
      <c r="AE779" s="271"/>
      <c r="AF779" s="271"/>
      <c r="AG779" s="271"/>
      <c r="AH779" s="271"/>
      <c r="AI779" s="271"/>
      <c r="AJ779" s="271"/>
      <c r="AK779" s="275"/>
      <c r="AL779" s="276"/>
    </row>
    <row r="780" spans="1:38" s="76" customFormat="1" ht="13.5" customHeight="1" thickBot="1">
      <c r="A780" s="268"/>
      <c r="B780" s="303"/>
      <c r="C780" s="272"/>
      <c r="D780" s="281"/>
      <c r="E780" s="281"/>
      <c r="F780" s="281"/>
      <c r="G780" s="281"/>
      <c r="H780" s="281"/>
      <c r="I780" s="281"/>
      <c r="J780" s="281"/>
      <c r="K780" s="281"/>
      <c r="L780" s="281"/>
      <c r="M780" s="281"/>
      <c r="N780" s="281"/>
      <c r="O780" s="281"/>
      <c r="P780" s="281"/>
      <c r="Q780" s="281"/>
      <c r="R780" s="281"/>
      <c r="S780" s="281"/>
      <c r="T780" s="281"/>
      <c r="U780" s="281"/>
      <c r="V780" s="281"/>
      <c r="W780" s="281"/>
      <c r="X780" s="281"/>
      <c r="Y780" s="281"/>
      <c r="Z780" s="281"/>
      <c r="AA780" s="281"/>
      <c r="AB780" s="281"/>
      <c r="AC780" s="281"/>
      <c r="AD780" s="281"/>
      <c r="AE780" s="281"/>
      <c r="AF780" s="281"/>
      <c r="AG780" s="281"/>
      <c r="AH780" s="281"/>
      <c r="AI780" s="281"/>
      <c r="AJ780" s="281"/>
      <c r="AK780" s="277"/>
      <c r="AL780" s="278"/>
    </row>
    <row r="781" spans="1:38" s="76" customFormat="1" ht="13.5" customHeight="1" thickTop="1">
      <c r="A781" s="125"/>
      <c r="B781" s="125"/>
      <c r="C781" s="272"/>
      <c r="D781" s="281"/>
      <c r="E781" s="281"/>
      <c r="F781" s="281"/>
      <c r="G781" s="281"/>
      <c r="H781" s="281"/>
      <c r="I781" s="281"/>
      <c r="J781" s="281"/>
      <c r="K781" s="281"/>
      <c r="L781" s="281"/>
      <c r="M781" s="281"/>
      <c r="N781" s="281"/>
      <c r="O781" s="281"/>
      <c r="P781" s="281"/>
      <c r="Q781" s="281"/>
      <c r="R781" s="281"/>
      <c r="S781" s="281"/>
      <c r="T781" s="281"/>
      <c r="U781" s="281"/>
      <c r="V781" s="281"/>
      <c r="W781" s="281"/>
      <c r="X781" s="281"/>
      <c r="Y781" s="281"/>
      <c r="Z781" s="281"/>
      <c r="AA781" s="281"/>
      <c r="AB781" s="281"/>
      <c r="AC781" s="281"/>
      <c r="AD781" s="281"/>
      <c r="AE781" s="281"/>
      <c r="AF781" s="281"/>
      <c r="AG781" s="281"/>
      <c r="AH781" s="281"/>
      <c r="AI781" s="281"/>
      <c r="AJ781" s="281"/>
      <c r="AK781" s="130"/>
      <c r="AL781" s="126"/>
    </row>
    <row r="782" spans="1:38" s="76" customFormat="1" ht="13.5" customHeight="1">
      <c r="A782" s="125"/>
      <c r="B782" s="125"/>
      <c r="C782" s="273"/>
      <c r="D782" s="274"/>
      <c r="E782" s="274"/>
      <c r="F782" s="274"/>
      <c r="G782" s="274"/>
      <c r="H782" s="274"/>
      <c r="I782" s="274"/>
      <c r="J782" s="274"/>
      <c r="K782" s="274"/>
      <c r="L782" s="274"/>
      <c r="M782" s="274"/>
      <c r="N782" s="274"/>
      <c r="O782" s="274"/>
      <c r="P782" s="274"/>
      <c r="Q782" s="274"/>
      <c r="R782" s="274"/>
      <c r="S782" s="274"/>
      <c r="T782" s="274"/>
      <c r="U782" s="274"/>
      <c r="V782" s="274"/>
      <c r="W782" s="274"/>
      <c r="X782" s="274"/>
      <c r="Y782" s="274"/>
      <c r="Z782" s="274"/>
      <c r="AA782" s="274"/>
      <c r="AB782" s="274"/>
      <c r="AC782" s="274"/>
      <c r="AD782" s="274"/>
      <c r="AE782" s="274"/>
      <c r="AF782" s="274"/>
      <c r="AG782" s="274"/>
      <c r="AH782" s="274"/>
      <c r="AI782" s="274"/>
      <c r="AJ782" s="314"/>
      <c r="AK782" s="126"/>
      <c r="AL782" s="126"/>
    </row>
    <row r="783" spans="1:38" s="76" customFormat="1" ht="13.5" customHeight="1">
      <c r="A783" s="125"/>
      <c r="B783" s="125"/>
      <c r="C783" s="133"/>
      <c r="D783" s="133"/>
      <c r="E783" s="133"/>
      <c r="F783" s="133"/>
      <c r="G783" s="133"/>
      <c r="H783" s="133"/>
      <c r="I783" s="133"/>
      <c r="J783" s="133"/>
      <c r="K783" s="133"/>
      <c r="L783" s="133"/>
      <c r="M783" s="133"/>
      <c r="N783" s="133"/>
      <c r="O783" s="133"/>
      <c r="P783" s="133"/>
      <c r="Q783" s="133"/>
      <c r="R783" s="133"/>
      <c r="S783" s="133"/>
      <c r="T783" s="133"/>
      <c r="U783" s="133"/>
      <c r="V783" s="133"/>
      <c r="W783" s="133"/>
      <c r="X783" s="133"/>
      <c r="Y783" s="133"/>
      <c r="Z783" s="133"/>
      <c r="AA783" s="133"/>
      <c r="AB783" s="133"/>
      <c r="AC783" s="133"/>
      <c r="AD783" s="133"/>
      <c r="AE783" s="133"/>
      <c r="AF783" s="133"/>
      <c r="AG783" s="133"/>
      <c r="AH783" s="133"/>
      <c r="AI783" s="133"/>
      <c r="AJ783" s="133"/>
      <c r="AK783" s="126"/>
      <c r="AL783" s="126"/>
    </row>
    <row r="784" spans="1:38" s="76" customFormat="1" ht="13.5" customHeight="1">
      <c r="A784" s="163" t="s">
        <v>291</v>
      </c>
      <c r="B784" s="164"/>
      <c r="C784" s="164"/>
      <c r="D784" s="164"/>
      <c r="E784" s="164"/>
      <c r="F784" s="164"/>
      <c r="G784" s="164"/>
      <c r="H784" s="164"/>
      <c r="I784" s="164"/>
      <c r="J784" s="164"/>
      <c r="K784" s="164"/>
      <c r="L784" s="164"/>
      <c r="M784" s="164"/>
      <c r="N784" s="164"/>
      <c r="O784" s="164"/>
      <c r="P784" s="164"/>
      <c r="Q784" s="164"/>
      <c r="R784" s="164"/>
      <c r="S784" s="139"/>
      <c r="T784" s="139"/>
      <c r="U784" s="139"/>
      <c r="V784" s="139"/>
      <c r="W784" s="139"/>
      <c r="X784" s="139"/>
      <c r="Y784" s="139"/>
      <c r="Z784" s="139"/>
      <c r="AA784" s="139"/>
      <c r="AB784" s="139"/>
      <c r="AC784" s="139"/>
      <c r="AD784" s="139"/>
      <c r="AE784" s="139"/>
      <c r="AF784" s="139"/>
      <c r="AG784" s="139"/>
      <c r="AH784" s="139"/>
      <c r="AI784" s="139"/>
      <c r="AJ784" s="139"/>
      <c r="AK784" s="126"/>
      <c r="AL784" s="126"/>
    </row>
    <row r="785" spans="1:38" s="76" customFormat="1" ht="13.5" customHeight="1" thickBot="1">
      <c r="A785" s="129" t="s">
        <v>237</v>
      </c>
      <c r="B785" s="125"/>
      <c r="C785" s="136"/>
      <c r="D785" s="139"/>
      <c r="E785" s="139"/>
      <c r="F785" s="139"/>
      <c r="G785" s="139"/>
      <c r="H785" s="139"/>
      <c r="I785" s="139"/>
      <c r="J785" s="139"/>
      <c r="K785" s="139"/>
      <c r="L785" s="139"/>
      <c r="M785" s="139"/>
      <c r="N785" s="139"/>
      <c r="O785" s="139"/>
      <c r="P785" s="139"/>
      <c r="Q785" s="139"/>
      <c r="R785" s="139"/>
      <c r="S785" s="139"/>
      <c r="T785" s="139"/>
      <c r="U785" s="139"/>
      <c r="V785" s="139"/>
      <c r="W785" s="139"/>
      <c r="X785" s="139"/>
      <c r="Y785" s="139"/>
      <c r="Z785" s="139"/>
      <c r="AA785" s="139"/>
      <c r="AB785" s="139"/>
      <c r="AC785" s="139"/>
      <c r="AD785" s="139"/>
      <c r="AE785" s="139"/>
      <c r="AF785" s="139"/>
      <c r="AG785" s="139"/>
      <c r="AH785" s="139"/>
      <c r="AI785" s="139"/>
      <c r="AJ785" s="139"/>
      <c r="AK785" s="126"/>
      <c r="AL785" s="126"/>
    </row>
    <row r="786" spans="1:38" s="76" customFormat="1" ht="13.5" customHeight="1" thickTop="1">
      <c r="A786" s="266">
        <v>89</v>
      </c>
      <c r="B786" s="302"/>
      <c r="C786" s="270" t="s">
        <v>566</v>
      </c>
      <c r="D786" s="271"/>
      <c r="E786" s="271"/>
      <c r="F786" s="271"/>
      <c r="G786" s="271"/>
      <c r="H786" s="271"/>
      <c r="I786" s="271"/>
      <c r="J786" s="271"/>
      <c r="K786" s="271"/>
      <c r="L786" s="271"/>
      <c r="M786" s="271"/>
      <c r="N786" s="271"/>
      <c r="O786" s="271"/>
      <c r="P786" s="271"/>
      <c r="Q786" s="271"/>
      <c r="R786" s="271"/>
      <c r="S786" s="271"/>
      <c r="T786" s="271"/>
      <c r="U786" s="271"/>
      <c r="V786" s="271"/>
      <c r="W786" s="271"/>
      <c r="X786" s="271"/>
      <c r="Y786" s="271"/>
      <c r="Z786" s="271"/>
      <c r="AA786" s="271"/>
      <c r="AB786" s="271"/>
      <c r="AC786" s="271"/>
      <c r="AD786" s="271"/>
      <c r="AE786" s="271"/>
      <c r="AF786" s="271"/>
      <c r="AG786" s="271"/>
      <c r="AH786" s="271"/>
      <c r="AI786" s="271"/>
      <c r="AJ786" s="279"/>
      <c r="AK786" s="275"/>
      <c r="AL786" s="276"/>
    </row>
    <row r="787" spans="1:38" s="76" customFormat="1" ht="13.5" customHeight="1" thickBot="1">
      <c r="A787" s="268"/>
      <c r="B787" s="303"/>
      <c r="C787" s="273"/>
      <c r="D787" s="274"/>
      <c r="E787" s="274"/>
      <c r="F787" s="274"/>
      <c r="G787" s="274"/>
      <c r="H787" s="274"/>
      <c r="I787" s="274"/>
      <c r="J787" s="274"/>
      <c r="K787" s="274"/>
      <c r="L787" s="274"/>
      <c r="M787" s="274"/>
      <c r="N787" s="274"/>
      <c r="O787" s="274"/>
      <c r="P787" s="274"/>
      <c r="Q787" s="274"/>
      <c r="R787" s="274"/>
      <c r="S787" s="274"/>
      <c r="T787" s="274"/>
      <c r="U787" s="274"/>
      <c r="V787" s="274"/>
      <c r="W787" s="274"/>
      <c r="X787" s="274"/>
      <c r="Y787" s="274"/>
      <c r="Z787" s="274"/>
      <c r="AA787" s="274"/>
      <c r="AB787" s="274"/>
      <c r="AC787" s="274"/>
      <c r="AD787" s="274"/>
      <c r="AE787" s="274"/>
      <c r="AF787" s="274"/>
      <c r="AG787" s="274"/>
      <c r="AH787" s="274"/>
      <c r="AI787" s="274"/>
      <c r="AJ787" s="280"/>
      <c r="AK787" s="277"/>
      <c r="AL787" s="278"/>
    </row>
    <row r="788" spans="1:38" s="76" customFormat="1" ht="13.5" customHeight="1" thickTop="1">
      <c r="A788" s="125"/>
      <c r="B788" s="125"/>
      <c r="C788" s="133"/>
      <c r="D788" s="133"/>
      <c r="E788" s="133"/>
      <c r="F788" s="133"/>
      <c r="G788" s="133"/>
      <c r="H788" s="133"/>
      <c r="I788" s="133"/>
      <c r="J788" s="133"/>
      <c r="K788" s="133"/>
      <c r="L788" s="133"/>
      <c r="M788" s="133"/>
      <c r="N788" s="133"/>
      <c r="O788" s="133"/>
      <c r="P788" s="133"/>
      <c r="Q788" s="133"/>
      <c r="R788" s="133"/>
      <c r="S788" s="133"/>
      <c r="T788" s="133"/>
      <c r="U788" s="133"/>
      <c r="V788" s="133"/>
      <c r="W788" s="133"/>
      <c r="X788" s="133"/>
      <c r="Y788" s="133"/>
      <c r="Z788" s="133"/>
      <c r="AA788" s="133"/>
      <c r="AB788" s="133"/>
      <c r="AC788" s="133"/>
      <c r="AD788" s="133"/>
      <c r="AE788" s="133"/>
      <c r="AF788" s="133"/>
      <c r="AG788" s="133"/>
      <c r="AH788" s="133"/>
      <c r="AI788" s="133"/>
      <c r="AJ788" s="133"/>
      <c r="AK788" s="126"/>
      <c r="AL788" s="126"/>
    </row>
    <row r="789" spans="1:38" s="76" customFormat="1" ht="13.5" customHeight="1">
      <c r="A789" s="125"/>
      <c r="B789" s="125"/>
      <c r="C789" s="285" t="s">
        <v>134</v>
      </c>
      <c r="D789" s="286"/>
      <c r="E789" s="286"/>
      <c r="F789" s="286"/>
      <c r="G789" s="286"/>
      <c r="H789" s="286"/>
      <c r="I789" s="286"/>
      <c r="J789" s="286"/>
      <c r="K789" s="286"/>
      <c r="L789" s="286"/>
      <c r="M789" s="286"/>
      <c r="N789" s="286"/>
      <c r="O789" s="286"/>
      <c r="P789" s="286"/>
      <c r="Q789" s="286"/>
      <c r="R789" s="286"/>
      <c r="S789" s="286"/>
      <c r="T789" s="286"/>
      <c r="U789" s="286"/>
      <c r="V789" s="286"/>
      <c r="W789" s="286"/>
      <c r="X789" s="286"/>
      <c r="Y789" s="286"/>
      <c r="Z789" s="286"/>
      <c r="AA789" s="286"/>
      <c r="AB789" s="286"/>
      <c r="AC789" s="286"/>
      <c r="AD789" s="286"/>
      <c r="AE789" s="286"/>
      <c r="AF789" s="286"/>
      <c r="AG789" s="286"/>
      <c r="AH789" s="286"/>
      <c r="AI789" s="286"/>
      <c r="AJ789" s="287"/>
      <c r="AK789" s="126"/>
      <c r="AL789" s="126"/>
    </row>
    <row r="790" spans="1:38" s="76" customFormat="1" ht="13.5" customHeight="1">
      <c r="A790" s="125"/>
      <c r="B790" s="125"/>
      <c r="C790" s="309"/>
      <c r="D790" s="251"/>
      <c r="E790" s="251"/>
      <c r="F790" s="251"/>
      <c r="G790" s="251"/>
      <c r="H790" s="251"/>
      <c r="I790" s="251"/>
      <c r="J790" s="251"/>
      <c r="K790" s="251"/>
      <c r="L790" s="251"/>
      <c r="M790" s="251"/>
      <c r="N790" s="251"/>
      <c r="O790" s="251"/>
      <c r="P790" s="251"/>
      <c r="Q790" s="251"/>
      <c r="R790" s="251"/>
      <c r="S790" s="251"/>
      <c r="T790" s="251"/>
      <c r="U790" s="251"/>
      <c r="V790" s="251"/>
      <c r="W790" s="251"/>
      <c r="X790" s="251"/>
      <c r="Y790" s="251"/>
      <c r="Z790" s="251"/>
      <c r="AA790" s="251"/>
      <c r="AB790" s="251"/>
      <c r="AC790" s="251"/>
      <c r="AD790" s="251"/>
      <c r="AE790" s="251"/>
      <c r="AF790" s="251"/>
      <c r="AG790" s="251"/>
      <c r="AH790" s="251"/>
      <c r="AI790" s="251"/>
      <c r="AJ790" s="310"/>
      <c r="AK790" s="126"/>
      <c r="AL790" s="126"/>
    </row>
    <row r="791" spans="1:38" s="76" customFormat="1" ht="13.5" customHeight="1">
      <c r="A791" s="125"/>
      <c r="B791" s="125"/>
      <c r="C791" s="288"/>
      <c r="D791" s="289"/>
      <c r="E791" s="289"/>
      <c r="F791" s="289"/>
      <c r="G791" s="289"/>
      <c r="H791" s="289"/>
      <c r="I791" s="289"/>
      <c r="J791" s="289"/>
      <c r="K791" s="289"/>
      <c r="L791" s="289"/>
      <c r="M791" s="289"/>
      <c r="N791" s="289"/>
      <c r="O791" s="289"/>
      <c r="P791" s="289"/>
      <c r="Q791" s="289"/>
      <c r="R791" s="289"/>
      <c r="S791" s="289"/>
      <c r="T791" s="289"/>
      <c r="U791" s="289"/>
      <c r="V791" s="289"/>
      <c r="W791" s="289"/>
      <c r="X791" s="289"/>
      <c r="Y791" s="289"/>
      <c r="Z791" s="289"/>
      <c r="AA791" s="289"/>
      <c r="AB791" s="289"/>
      <c r="AC791" s="289"/>
      <c r="AD791" s="289"/>
      <c r="AE791" s="289"/>
      <c r="AF791" s="289"/>
      <c r="AG791" s="289"/>
      <c r="AH791" s="289"/>
      <c r="AI791" s="289"/>
      <c r="AJ791" s="290"/>
      <c r="AK791" s="126"/>
      <c r="AL791" s="126"/>
    </row>
    <row r="792" spans="1:38" s="76" customFormat="1" ht="13.5" customHeight="1" thickBot="1">
      <c r="A792" s="125"/>
      <c r="B792" s="125"/>
      <c r="C792" s="133"/>
      <c r="D792" s="133"/>
      <c r="E792" s="133"/>
      <c r="F792" s="133"/>
      <c r="G792" s="133"/>
      <c r="H792" s="133"/>
      <c r="I792" s="133"/>
      <c r="J792" s="133"/>
      <c r="K792" s="133"/>
      <c r="L792" s="133"/>
      <c r="M792" s="133"/>
      <c r="N792" s="133"/>
      <c r="O792" s="133"/>
      <c r="P792" s="133"/>
      <c r="Q792" s="133"/>
      <c r="R792" s="133"/>
      <c r="S792" s="133"/>
      <c r="T792" s="133"/>
      <c r="U792" s="133"/>
      <c r="V792" s="133"/>
      <c r="W792" s="133"/>
      <c r="X792" s="133"/>
      <c r="Y792" s="133"/>
      <c r="Z792" s="133"/>
      <c r="AA792" s="133"/>
      <c r="AB792" s="133"/>
      <c r="AC792" s="133"/>
      <c r="AD792" s="133"/>
      <c r="AE792" s="133"/>
      <c r="AF792" s="133"/>
      <c r="AG792" s="133"/>
      <c r="AH792" s="133"/>
      <c r="AI792" s="133"/>
      <c r="AJ792" s="133"/>
      <c r="AK792" s="126"/>
      <c r="AL792" s="126"/>
    </row>
    <row r="793" spans="1:38" s="76" customFormat="1" ht="13.5" customHeight="1" thickTop="1">
      <c r="A793" s="266">
        <v>90</v>
      </c>
      <c r="B793" s="302"/>
      <c r="C793" s="248" t="s">
        <v>567</v>
      </c>
      <c r="D793" s="249"/>
      <c r="E793" s="249"/>
      <c r="F793" s="249"/>
      <c r="G793" s="249"/>
      <c r="H793" s="249"/>
      <c r="I793" s="249"/>
      <c r="J793" s="249"/>
      <c r="K793" s="249"/>
      <c r="L793" s="249"/>
      <c r="M793" s="249"/>
      <c r="N793" s="249"/>
      <c r="O793" s="249"/>
      <c r="P793" s="249"/>
      <c r="Q793" s="249"/>
      <c r="R793" s="249"/>
      <c r="S793" s="249"/>
      <c r="T793" s="249"/>
      <c r="U793" s="249"/>
      <c r="V793" s="249"/>
      <c r="W793" s="249"/>
      <c r="X793" s="249"/>
      <c r="Y793" s="249"/>
      <c r="Z793" s="249"/>
      <c r="AA793" s="249"/>
      <c r="AB793" s="249"/>
      <c r="AC793" s="249"/>
      <c r="AD793" s="249"/>
      <c r="AE793" s="249"/>
      <c r="AF793" s="249"/>
      <c r="AG793" s="249"/>
      <c r="AH793" s="249"/>
      <c r="AI793" s="249"/>
      <c r="AJ793" s="249"/>
      <c r="AK793" s="275"/>
      <c r="AL793" s="276"/>
    </row>
    <row r="794" spans="1:38" s="76" customFormat="1" ht="13.5" customHeight="1" thickBot="1">
      <c r="A794" s="268"/>
      <c r="B794" s="303"/>
      <c r="C794" s="250"/>
      <c r="D794" s="251"/>
      <c r="E794" s="251"/>
      <c r="F794" s="251"/>
      <c r="G794" s="251"/>
      <c r="H794" s="251"/>
      <c r="I794" s="251"/>
      <c r="J794" s="251"/>
      <c r="K794" s="251"/>
      <c r="L794" s="251"/>
      <c r="M794" s="251"/>
      <c r="N794" s="251"/>
      <c r="O794" s="251"/>
      <c r="P794" s="251"/>
      <c r="Q794" s="251"/>
      <c r="R794" s="251"/>
      <c r="S794" s="251"/>
      <c r="T794" s="251"/>
      <c r="U794" s="251"/>
      <c r="V794" s="251"/>
      <c r="W794" s="251"/>
      <c r="X794" s="251"/>
      <c r="Y794" s="251"/>
      <c r="Z794" s="251"/>
      <c r="AA794" s="251"/>
      <c r="AB794" s="251"/>
      <c r="AC794" s="251"/>
      <c r="AD794" s="251"/>
      <c r="AE794" s="251"/>
      <c r="AF794" s="251"/>
      <c r="AG794" s="251"/>
      <c r="AH794" s="251"/>
      <c r="AI794" s="251"/>
      <c r="AJ794" s="251"/>
      <c r="AK794" s="277"/>
      <c r="AL794" s="278"/>
    </row>
    <row r="795" spans="1:38" s="76" customFormat="1" ht="13.5" customHeight="1" thickTop="1">
      <c r="A795" s="125"/>
      <c r="B795" s="125"/>
      <c r="C795" s="252"/>
      <c r="D795" s="253"/>
      <c r="E795" s="253"/>
      <c r="F795" s="253"/>
      <c r="G795" s="253"/>
      <c r="H795" s="253"/>
      <c r="I795" s="253"/>
      <c r="J795" s="253"/>
      <c r="K795" s="253"/>
      <c r="L795" s="253"/>
      <c r="M795" s="253"/>
      <c r="N795" s="253"/>
      <c r="O795" s="253"/>
      <c r="P795" s="253"/>
      <c r="Q795" s="253"/>
      <c r="R795" s="253"/>
      <c r="S795" s="253"/>
      <c r="T795" s="253"/>
      <c r="U795" s="253"/>
      <c r="V795" s="253"/>
      <c r="W795" s="253"/>
      <c r="X795" s="253"/>
      <c r="Y795" s="253"/>
      <c r="Z795" s="253"/>
      <c r="AA795" s="253"/>
      <c r="AB795" s="253"/>
      <c r="AC795" s="253"/>
      <c r="AD795" s="253"/>
      <c r="AE795" s="253"/>
      <c r="AF795" s="253"/>
      <c r="AG795" s="253"/>
      <c r="AH795" s="253"/>
      <c r="AI795" s="253"/>
      <c r="AJ795" s="254"/>
      <c r="AK795" s="126"/>
      <c r="AL795" s="126"/>
    </row>
    <row r="796" spans="1:38" s="76" customFormat="1" ht="13.5" customHeight="1" thickBot="1">
      <c r="A796" s="125"/>
      <c r="B796" s="125"/>
      <c r="C796" s="133"/>
      <c r="D796" s="133"/>
      <c r="E796" s="133"/>
      <c r="F796" s="133"/>
      <c r="G796" s="133"/>
      <c r="H796" s="133"/>
      <c r="I796" s="133"/>
      <c r="J796" s="133"/>
      <c r="K796" s="133"/>
      <c r="L796" s="133"/>
      <c r="M796" s="133"/>
      <c r="N796" s="133"/>
      <c r="O796" s="133"/>
      <c r="P796" s="133"/>
      <c r="Q796" s="133"/>
      <c r="R796" s="133"/>
      <c r="S796" s="133"/>
      <c r="T796" s="133"/>
      <c r="U796" s="133"/>
      <c r="V796" s="133"/>
      <c r="W796" s="133"/>
      <c r="X796" s="133"/>
      <c r="Y796" s="133"/>
      <c r="Z796" s="133"/>
      <c r="AA796" s="133"/>
      <c r="AB796" s="133"/>
      <c r="AC796" s="133"/>
      <c r="AD796" s="133"/>
      <c r="AE796" s="133"/>
      <c r="AF796" s="133"/>
      <c r="AG796" s="133"/>
      <c r="AH796" s="133"/>
      <c r="AI796" s="133"/>
      <c r="AJ796" s="133"/>
      <c r="AK796" s="126"/>
      <c r="AL796" s="126"/>
    </row>
    <row r="797" spans="1:38" s="76" customFormat="1" ht="13.5" customHeight="1" thickTop="1">
      <c r="A797" s="266">
        <v>91</v>
      </c>
      <c r="B797" s="302"/>
      <c r="C797" s="270" t="s">
        <v>568</v>
      </c>
      <c r="D797" s="271"/>
      <c r="E797" s="271"/>
      <c r="F797" s="271"/>
      <c r="G797" s="271"/>
      <c r="H797" s="271"/>
      <c r="I797" s="271"/>
      <c r="J797" s="271"/>
      <c r="K797" s="271"/>
      <c r="L797" s="271"/>
      <c r="M797" s="271"/>
      <c r="N797" s="271"/>
      <c r="O797" s="271"/>
      <c r="P797" s="271"/>
      <c r="Q797" s="271"/>
      <c r="R797" s="271"/>
      <c r="S797" s="271"/>
      <c r="T797" s="271"/>
      <c r="U797" s="271"/>
      <c r="V797" s="271"/>
      <c r="W797" s="271"/>
      <c r="X797" s="271"/>
      <c r="Y797" s="271"/>
      <c r="Z797" s="271"/>
      <c r="AA797" s="271"/>
      <c r="AB797" s="271"/>
      <c r="AC797" s="271"/>
      <c r="AD797" s="271"/>
      <c r="AE797" s="271"/>
      <c r="AF797" s="271"/>
      <c r="AG797" s="271"/>
      <c r="AH797" s="271"/>
      <c r="AI797" s="271"/>
      <c r="AJ797" s="271"/>
      <c r="AK797" s="275"/>
      <c r="AL797" s="276"/>
    </row>
    <row r="798" spans="1:38" s="76" customFormat="1" ht="13.5" customHeight="1" thickBot="1">
      <c r="A798" s="268"/>
      <c r="B798" s="303"/>
      <c r="C798" s="272"/>
      <c r="D798" s="281"/>
      <c r="E798" s="281"/>
      <c r="F798" s="281"/>
      <c r="G798" s="281"/>
      <c r="H798" s="281"/>
      <c r="I798" s="281"/>
      <c r="J798" s="281"/>
      <c r="K798" s="281"/>
      <c r="L798" s="281"/>
      <c r="M798" s="281"/>
      <c r="N798" s="281"/>
      <c r="O798" s="281"/>
      <c r="P798" s="281"/>
      <c r="Q798" s="281"/>
      <c r="R798" s="281"/>
      <c r="S798" s="281"/>
      <c r="T798" s="281"/>
      <c r="U798" s="281"/>
      <c r="V798" s="281"/>
      <c r="W798" s="281"/>
      <c r="X798" s="281"/>
      <c r="Y798" s="281"/>
      <c r="Z798" s="281"/>
      <c r="AA798" s="281"/>
      <c r="AB798" s="281"/>
      <c r="AC798" s="281"/>
      <c r="AD798" s="281"/>
      <c r="AE798" s="281"/>
      <c r="AF798" s="281"/>
      <c r="AG798" s="281"/>
      <c r="AH798" s="281"/>
      <c r="AI798" s="281"/>
      <c r="AJ798" s="281"/>
      <c r="AK798" s="277"/>
      <c r="AL798" s="278"/>
    </row>
    <row r="799" spans="1:38" s="76" customFormat="1" ht="13.5" customHeight="1" thickTop="1">
      <c r="A799" s="125"/>
      <c r="B799" s="125"/>
      <c r="C799" s="273"/>
      <c r="D799" s="274"/>
      <c r="E799" s="274"/>
      <c r="F799" s="274"/>
      <c r="G799" s="274"/>
      <c r="H799" s="274"/>
      <c r="I799" s="274"/>
      <c r="J799" s="274"/>
      <c r="K799" s="274"/>
      <c r="L799" s="274"/>
      <c r="M799" s="274"/>
      <c r="N799" s="274"/>
      <c r="O799" s="274"/>
      <c r="P799" s="274"/>
      <c r="Q799" s="274"/>
      <c r="R799" s="274"/>
      <c r="S799" s="274"/>
      <c r="T799" s="274"/>
      <c r="U799" s="274"/>
      <c r="V799" s="274"/>
      <c r="W799" s="274"/>
      <c r="X799" s="274"/>
      <c r="Y799" s="274"/>
      <c r="Z799" s="274"/>
      <c r="AA799" s="274"/>
      <c r="AB799" s="274"/>
      <c r="AC799" s="274"/>
      <c r="AD799" s="274"/>
      <c r="AE799" s="274"/>
      <c r="AF799" s="274"/>
      <c r="AG799" s="274"/>
      <c r="AH799" s="274"/>
      <c r="AI799" s="274"/>
      <c r="AJ799" s="314"/>
      <c r="AK799" s="126"/>
      <c r="AL799" s="126"/>
    </row>
    <row r="800" spans="1:38" s="76" customFormat="1" ht="13.5" customHeight="1">
      <c r="A800" s="125"/>
      <c r="B800" s="125"/>
      <c r="C800" s="133"/>
      <c r="D800" s="133"/>
      <c r="E800" s="133"/>
      <c r="F800" s="133"/>
      <c r="G800" s="133"/>
      <c r="H800" s="133"/>
      <c r="I800" s="133"/>
      <c r="J800" s="133"/>
      <c r="K800" s="133"/>
      <c r="L800" s="133"/>
      <c r="M800" s="133"/>
      <c r="N800" s="133"/>
      <c r="O800" s="133"/>
      <c r="P800" s="133"/>
      <c r="Q800" s="133"/>
      <c r="R800" s="133"/>
      <c r="S800" s="133"/>
      <c r="T800" s="133"/>
      <c r="U800" s="133"/>
      <c r="V800" s="133"/>
      <c r="W800" s="133"/>
      <c r="X800" s="133"/>
      <c r="Y800" s="133"/>
      <c r="Z800" s="133"/>
      <c r="AA800" s="133"/>
      <c r="AB800" s="133"/>
      <c r="AC800" s="133"/>
      <c r="AD800" s="133"/>
      <c r="AE800" s="133"/>
      <c r="AF800" s="133"/>
      <c r="AG800" s="133"/>
      <c r="AH800" s="133"/>
      <c r="AI800" s="133"/>
      <c r="AJ800" s="133"/>
      <c r="AK800" s="126"/>
      <c r="AL800" s="126"/>
    </row>
    <row r="801" spans="1:38" s="76" customFormat="1" ht="13.5" customHeight="1">
      <c r="A801" s="127" t="s">
        <v>135</v>
      </c>
    </row>
    <row r="802" spans="1:38" s="76" customFormat="1" ht="13.5" customHeight="1" thickBot="1">
      <c r="A802" s="129" t="s">
        <v>238</v>
      </c>
    </row>
    <row r="803" spans="1:38" s="76" customFormat="1" ht="13.5" customHeight="1" thickTop="1">
      <c r="A803" s="266">
        <v>92</v>
      </c>
      <c r="B803" s="302"/>
      <c r="C803" s="270" t="s">
        <v>569</v>
      </c>
      <c r="D803" s="271"/>
      <c r="E803" s="271"/>
      <c r="F803" s="271"/>
      <c r="G803" s="271"/>
      <c r="H803" s="271"/>
      <c r="I803" s="271"/>
      <c r="J803" s="271"/>
      <c r="K803" s="271"/>
      <c r="L803" s="271"/>
      <c r="M803" s="271"/>
      <c r="N803" s="271"/>
      <c r="O803" s="271"/>
      <c r="P803" s="271"/>
      <c r="Q803" s="271"/>
      <c r="R803" s="271"/>
      <c r="S803" s="271"/>
      <c r="T803" s="271"/>
      <c r="U803" s="271"/>
      <c r="V803" s="271"/>
      <c r="W803" s="271"/>
      <c r="X803" s="271"/>
      <c r="Y803" s="271"/>
      <c r="Z803" s="271"/>
      <c r="AA803" s="271"/>
      <c r="AB803" s="271"/>
      <c r="AC803" s="271"/>
      <c r="AD803" s="271"/>
      <c r="AE803" s="271"/>
      <c r="AF803" s="271"/>
      <c r="AG803" s="271"/>
      <c r="AH803" s="271"/>
      <c r="AI803" s="271"/>
      <c r="AJ803" s="271"/>
      <c r="AK803" s="275"/>
      <c r="AL803" s="276"/>
    </row>
    <row r="804" spans="1:38" s="76" customFormat="1" ht="13.5" customHeight="1" thickBot="1">
      <c r="A804" s="268"/>
      <c r="B804" s="303"/>
      <c r="C804" s="273"/>
      <c r="D804" s="274"/>
      <c r="E804" s="274"/>
      <c r="F804" s="274"/>
      <c r="G804" s="274"/>
      <c r="H804" s="274"/>
      <c r="I804" s="274"/>
      <c r="J804" s="274"/>
      <c r="K804" s="274"/>
      <c r="L804" s="274"/>
      <c r="M804" s="274"/>
      <c r="N804" s="274"/>
      <c r="O804" s="274"/>
      <c r="P804" s="274"/>
      <c r="Q804" s="274"/>
      <c r="R804" s="274"/>
      <c r="S804" s="274"/>
      <c r="T804" s="274"/>
      <c r="U804" s="274"/>
      <c r="V804" s="274"/>
      <c r="W804" s="274"/>
      <c r="X804" s="274"/>
      <c r="Y804" s="274"/>
      <c r="Z804" s="274"/>
      <c r="AA804" s="274"/>
      <c r="AB804" s="274"/>
      <c r="AC804" s="274"/>
      <c r="AD804" s="274"/>
      <c r="AE804" s="274"/>
      <c r="AF804" s="274"/>
      <c r="AG804" s="274"/>
      <c r="AH804" s="274"/>
      <c r="AI804" s="274"/>
      <c r="AJ804" s="274"/>
      <c r="AK804" s="277"/>
      <c r="AL804" s="278"/>
    </row>
    <row r="805" spans="1:38" s="76" customFormat="1" ht="13.5" customHeight="1" thickTop="1"/>
    <row r="806" spans="1:38" s="76" customFormat="1" ht="13.5" customHeight="1" thickBot="1">
      <c r="B806" s="96"/>
      <c r="C806" s="76" t="s">
        <v>136</v>
      </c>
    </row>
    <row r="807" spans="1:38" s="76" customFormat="1" ht="13.5" customHeight="1" thickTop="1">
      <c r="B807" s="96"/>
      <c r="C807" s="306" t="s">
        <v>137</v>
      </c>
      <c r="D807" s="262"/>
      <c r="E807" s="262"/>
      <c r="F807" s="262"/>
      <c r="G807" s="262"/>
      <c r="H807" s="262"/>
      <c r="I807" s="262"/>
      <c r="J807" s="262"/>
      <c r="K807" s="262"/>
      <c r="L807" s="262"/>
      <c r="M807" s="262"/>
      <c r="N807" s="262"/>
      <c r="O807" s="262"/>
      <c r="P807" s="262"/>
      <c r="Q807" s="262"/>
      <c r="R807" s="262"/>
      <c r="S807" s="262"/>
      <c r="T807" s="262"/>
      <c r="U807" s="262"/>
      <c r="V807" s="262"/>
      <c r="W807" s="262"/>
      <c r="X807" s="262"/>
      <c r="Y807" s="262"/>
      <c r="Z807" s="262"/>
      <c r="AA807" s="262"/>
      <c r="AB807" s="262"/>
      <c r="AC807" s="262"/>
      <c r="AD807" s="262"/>
      <c r="AE807" s="262"/>
      <c r="AF807" s="262"/>
      <c r="AG807" s="262"/>
      <c r="AH807" s="262"/>
      <c r="AI807" s="262"/>
      <c r="AJ807" s="311"/>
      <c r="AK807" s="275"/>
      <c r="AL807" s="276"/>
    </row>
    <row r="808" spans="1:38" s="76" customFormat="1" ht="13.5" customHeight="1" thickBot="1">
      <c r="B808" s="96"/>
      <c r="C808" s="308"/>
      <c r="D808" s="284"/>
      <c r="E808" s="284"/>
      <c r="F808" s="284"/>
      <c r="G808" s="284"/>
      <c r="H808" s="284"/>
      <c r="I808" s="284"/>
      <c r="J808" s="284"/>
      <c r="K808" s="284"/>
      <c r="L808" s="284"/>
      <c r="M808" s="284"/>
      <c r="N808" s="284"/>
      <c r="O808" s="284"/>
      <c r="P808" s="284"/>
      <c r="Q808" s="284"/>
      <c r="R808" s="284"/>
      <c r="S808" s="284"/>
      <c r="T808" s="284"/>
      <c r="U808" s="284"/>
      <c r="V808" s="284"/>
      <c r="W808" s="284"/>
      <c r="X808" s="284"/>
      <c r="Y808" s="284"/>
      <c r="Z808" s="284"/>
      <c r="AA808" s="284"/>
      <c r="AB808" s="284"/>
      <c r="AC808" s="284"/>
      <c r="AD808" s="284"/>
      <c r="AE808" s="284"/>
      <c r="AF808" s="284"/>
      <c r="AG808" s="284"/>
      <c r="AH808" s="284"/>
      <c r="AI808" s="284"/>
      <c r="AJ808" s="321"/>
      <c r="AK808" s="277"/>
      <c r="AL808" s="278"/>
    </row>
    <row r="809" spans="1:38" s="76" customFormat="1" ht="13.5" customHeight="1" thickTop="1">
      <c r="B809" s="96"/>
      <c r="C809" s="306" t="s">
        <v>638</v>
      </c>
      <c r="D809" s="262"/>
      <c r="E809" s="262"/>
      <c r="F809" s="262"/>
      <c r="G809" s="262"/>
      <c r="H809" s="262"/>
      <c r="I809" s="262"/>
      <c r="J809" s="262"/>
      <c r="K809" s="262"/>
      <c r="L809" s="262"/>
      <c r="M809" s="262"/>
      <c r="N809" s="262"/>
      <c r="O809" s="262"/>
      <c r="P809" s="262"/>
      <c r="Q809" s="262"/>
      <c r="R809" s="262"/>
      <c r="S809" s="262"/>
      <c r="T809" s="262"/>
      <c r="U809" s="262"/>
      <c r="V809" s="262"/>
      <c r="W809" s="262"/>
      <c r="X809" s="262"/>
      <c r="Y809" s="262"/>
      <c r="Z809" s="262"/>
      <c r="AA809" s="262"/>
      <c r="AB809" s="262"/>
      <c r="AC809" s="262"/>
      <c r="AD809" s="262"/>
      <c r="AE809" s="262"/>
      <c r="AF809" s="262"/>
      <c r="AG809" s="262"/>
      <c r="AH809" s="262"/>
      <c r="AI809" s="262"/>
      <c r="AJ809" s="311"/>
      <c r="AK809" s="275"/>
      <c r="AL809" s="276"/>
    </row>
    <row r="810" spans="1:38" s="76" customFormat="1" ht="13.5" customHeight="1" thickBot="1">
      <c r="B810" s="96"/>
      <c r="C810" s="308"/>
      <c r="D810" s="284"/>
      <c r="E810" s="284"/>
      <c r="F810" s="284"/>
      <c r="G810" s="284"/>
      <c r="H810" s="284"/>
      <c r="I810" s="284"/>
      <c r="J810" s="284"/>
      <c r="K810" s="284"/>
      <c r="L810" s="284"/>
      <c r="M810" s="284"/>
      <c r="N810" s="284"/>
      <c r="O810" s="284"/>
      <c r="P810" s="284"/>
      <c r="Q810" s="284"/>
      <c r="R810" s="284"/>
      <c r="S810" s="284"/>
      <c r="T810" s="284"/>
      <c r="U810" s="284"/>
      <c r="V810" s="284"/>
      <c r="W810" s="284"/>
      <c r="X810" s="284"/>
      <c r="Y810" s="284"/>
      <c r="Z810" s="284"/>
      <c r="AA810" s="284"/>
      <c r="AB810" s="284"/>
      <c r="AC810" s="284"/>
      <c r="AD810" s="284"/>
      <c r="AE810" s="284"/>
      <c r="AF810" s="284"/>
      <c r="AG810" s="284"/>
      <c r="AH810" s="284"/>
      <c r="AI810" s="284"/>
      <c r="AJ810" s="321"/>
      <c r="AK810" s="277"/>
      <c r="AL810" s="278"/>
    </row>
    <row r="811" spans="1:38" s="76" customFormat="1" ht="13.5" customHeight="1" thickTop="1">
      <c r="B811" s="96"/>
      <c r="C811" s="306" t="s">
        <v>138</v>
      </c>
      <c r="D811" s="262"/>
      <c r="E811" s="262"/>
      <c r="F811" s="262"/>
      <c r="G811" s="262"/>
      <c r="H811" s="262"/>
      <c r="I811" s="262"/>
      <c r="J811" s="262"/>
      <c r="K811" s="262"/>
      <c r="L811" s="262"/>
      <c r="M811" s="262"/>
      <c r="N811" s="262"/>
      <c r="O811" s="262"/>
      <c r="P811" s="262"/>
      <c r="Q811" s="262"/>
      <c r="R811" s="262"/>
      <c r="S811" s="262"/>
      <c r="T811" s="262"/>
      <c r="U811" s="262"/>
      <c r="V811" s="262"/>
      <c r="W811" s="262"/>
      <c r="X811" s="262"/>
      <c r="Y811" s="262"/>
      <c r="Z811" s="262"/>
      <c r="AA811" s="262"/>
      <c r="AB811" s="262"/>
      <c r="AC811" s="262"/>
      <c r="AD811" s="262"/>
      <c r="AE811" s="262"/>
      <c r="AF811" s="262"/>
      <c r="AG811" s="262"/>
      <c r="AH811" s="262"/>
      <c r="AI811" s="262"/>
      <c r="AJ811" s="311"/>
      <c r="AK811" s="275"/>
      <c r="AL811" s="276"/>
    </row>
    <row r="812" spans="1:38" s="76" customFormat="1" ht="13.5" customHeight="1" thickBot="1">
      <c r="B812" s="96"/>
      <c r="C812" s="308"/>
      <c r="D812" s="284"/>
      <c r="E812" s="284"/>
      <c r="F812" s="284"/>
      <c r="G812" s="284"/>
      <c r="H812" s="284"/>
      <c r="I812" s="284"/>
      <c r="J812" s="284"/>
      <c r="K812" s="284"/>
      <c r="L812" s="284"/>
      <c r="M812" s="284"/>
      <c r="N812" s="284"/>
      <c r="O812" s="284"/>
      <c r="P812" s="284"/>
      <c r="Q812" s="284"/>
      <c r="R812" s="284"/>
      <c r="S812" s="284"/>
      <c r="T812" s="284"/>
      <c r="U812" s="284"/>
      <c r="V812" s="284"/>
      <c r="W812" s="284"/>
      <c r="X812" s="284"/>
      <c r="Y812" s="284"/>
      <c r="Z812" s="284"/>
      <c r="AA812" s="284"/>
      <c r="AB812" s="284"/>
      <c r="AC812" s="284"/>
      <c r="AD812" s="284"/>
      <c r="AE812" s="284"/>
      <c r="AF812" s="284"/>
      <c r="AG812" s="284"/>
      <c r="AH812" s="284"/>
      <c r="AI812" s="284"/>
      <c r="AJ812" s="321"/>
      <c r="AK812" s="277"/>
      <c r="AL812" s="278"/>
    </row>
    <row r="813" spans="1:38" s="76" customFormat="1" ht="13.5" customHeight="1" thickTop="1">
      <c r="B813" s="96"/>
      <c r="C813" s="306" t="s">
        <v>139</v>
      </c>
      <c r="D813" s="262"/>
      <c r="E813" s="262"/>
      <c r="F813" s="262"/>
      <c r="G813" s="262"/>
      <c r="H813" s="262"/>
      <c r="I813" s="262"/>
      <c r="J813" s="262"/>
      <c r="K813" s="262"/>
      <c r="L813" s="262"/>
      <c r="M813" s="262"/>
      <c r="N813" s="262"/>
      <c r="O813" s="262"/>
      <c r="P813" s="262"/>
      <c r="Q813" s="262"/>
      <c r="R813" s="262"/>
      <c r="S813" s="262"/>
      <c r="T813" s="262"/>
      <c r="U813" s="262"/>
      <c r="V813" s="262"/>
      <c r="W813" s="262"/>
      <c r="X813" s="262"/>
      <c r="Y813" s="262"/>
      <c r="Z813" s="262"/>
      <c r="AA813" s="262"/>
      <c r="AB813" s="262"/>
      <c r="AC813" s="262"/>
      <c r="AD813" s="262"/>
      <c r="AE813" s="262"/>
      <c r="AF813" s="262"/>
      <c r="AG813" s="262"/>
      <c r="AH813" s="262"/>
      <c r="AI813" s="262"/>
      <c r="AJ813" s="311"/>
      <c r="AK813" s="275"/>
      <c r="AL813" s="276"/>
    </row>
    <row r="814" spans="1:38" s="76" customFormat="1" ht="13.5" customHeight="1" thickBot="1">
      <c r="B814" s="96"/>
      <c r="C814" s="308"/>
      <c r="D814" s="284"/>
      <c r="E814" s="284"/>
      <c r="F814" s="284"/>
      <c r="G814" s="284"/>
      <c r="H814" s="284"/>
      <c r="I814" s="284"/>
      <c r="J814" s="284"/>
      <c r="K814" s="284"/>
      <c r="L814" s="284"/>
      <c r="M814" s="284"/>
      <c r="N814" s="284"/>
      <c r="O814" s="284"/>
      <c r="P814" s="284"/>
      <c r="Q814" s="284"/>
      <c r="R814" s="284"/>
      <c r="S814" s="284"/>
      <c r="T814" s="284"/>
      <c r="U814" s="284"/>
      <c r="V814" s="284"/>
      <c r="W814" s="284"/>
      <c r="X814" s="284"/>
      <c r="Y814" s="284"/>
      <c r="Z814" s="284"/>
      <c r="AA814" s="284"/>
      <c r="AB814" s="284"/>
      <c r="AC814" s="284"/>
      <c r="AD814" s="284"/>
      <c r="AE814" s="284"/>
      <c r="AF814" s="284"/>
      <c r="AG814" s="284"/>
      <c r="AH814" s="284"/>
      <c r="AI814" s="284"/>
      <c r="AJ814" s="321"/>
      <c r="AK814" s="479"/>
      <c r="AL814" s="480"/>
    </row>
    <row r="815" spans="1:38" s="76" customFormat="1" ht="13.5" customHeight="1" thickTop="1">
      <c r="B815" s="96"/>
      <c r="C815" s="285" t="s">
        <v>143</v>
      </c>
      <c r="D815" s="286"/>
      <c r="E815" s="286"/>
      <c r="F815" s="286"/>
      <c r="G815" s="286"/>
      <c r="H815" s="286"/>
      <c r="I815" s="286"/>
      <c r="J815" s="286"/>
      <c r="K815" s="286"/>
      <c r="L815" s="286"/>
      <c r="M815" s="286"/>
      <c r="N815" s="286"/>
      <c r="O815" s="286"/>
      <c r="P815" s="286"/>
      <c r="Q815" s="286"/>
      <c r="R815" s="286"/>
      <c r="S815" s="286"/>
      <c r="T815" s="286"/>
      <c r="U815" s="286"/>
      <c r="V815" s="286"/>
      <c r="W815" s="286"/>
      <c r="X815" s="286"/>
      <c r="Y815" s="286"/>
      <c r="Z815" s="286"/>
      <c r="AA815" s="286"/>
      <c r="AB815" s="286"/>
      <c r="AC815" s="286"/>
      <c r="AD815" s="286"/>
      <c r="AE815" s="286"/>
      <c r="AF815" s="286"/>
      <c r="AG815" s="286"/>
      <c r="AH815" s="286"/>
      <c r="AI815" s="286"/>
      <c r="AJ815" s="419"/>
      <c r="AK815" s="275"/>
      <c r="AL815" s="276"/>
    </row>
    <row r="816" spans="1:38" s="76" customFormat="1" ht="13.5" customHeight="1" thickBot="1">
      <c r="B816" s="96"/>
      <c r="C816" s="288"/>
      <c r="D816" s="289"/>
      <c r="E816" s="289"/>
      <c r="F816" s="289"/>
      <c r="G816" s="289"/>
      <c r="H816" s="289"/>
      <c r="I816" s="289"/>
      <c r="J816" s="289"/>
      <c r="K816" s="289"/>
      <c r="L816" s="289"/>
      <c r="M816" s="289"/>
      <c r="N816" s="289"/>
      <c r="O816" s="289"/>
      <c r="P816" s="289"/>
      <c r="Q816" s="289"/>
      <c r="R816" s="289"/>
      <c r="S816" s="289"/>
      <c r="T816" s="289"/>
      <c r="U816" s="289"/>
      <c r="V816" s="289"/>
      <c r="W816" s="289"/>
      <c r="X816" s="289"/>
      <c r="Y816" s="289"/>
      <c r="Z816" s="289"/>
      <c r="AA816" s="289"/>
      <c r="AB816" s="289"/>
      <c r="AC816" s="289"/>
      <c r="AD816" s="289"/>
      <c r="AE816" s="289"/>
      <c r="AF816" s="289"/>
      <c r="AG816" s="289"/>
      <c r="AH816" s="289"/>
      <c r="AI816" s="289"/>
      <c r="AJ816" s="420"/>
      <c r="AK816" s="277"/>
      <c r="AL816" s="278"/>
    </row>
    <row r="817" spans="2:38" s="76" customFormat="1" ht="13.5" customHeight="1" thickTop="1">
      <c r="B817" s="96"/>
      <c r="C817" s="306" t="s">
        <v>140</v>
      </c>
      <c r="D817" s="262"/>
      <c r="E817" s="262"/>
      <c r="F817" s="262"/>
      <c r="G817" s="262"/>
      <c r="H817" s="262"/>
      <c r="I817" s="262"/>
      <c r="J817" s="262"/>
      <c r="K817" s="262"/>
      <c r="L817" s="262"/>
      <c r="M817" s="262"/>
      <c r="N817" s="262"/>
      <c r="O817" s="262"/>
      <c r="P817" s="262"/>
      <c r="Q817" s="262"/>
      <c r="R817" s="262"/>
      <c r="S817" s="262"/>
      <c r="T817" s="262"/>
      <c r="U817" s="262"/>
      <c r="V817" s="262"/>
      <c r="W817" s="262"/>
      <c r="X817" s="262"/>
      <c r="Y817" s="262"/>
      <c r="Z817" s="262"/>
      <c r="AA817" s="262"/>
      <c r="AB817" s="262"/>
      <c r="AC817" s="262"/>
      <c r="AD817" s="262"/>
      <c r="AE817" s="262"/>
      <c r="AF817" s="262"/>
      <c r="AG817" s="262"/>
      <c r="AH817" s="262"/>
      <c r="AI817" s="262"/>
      <c r="AJ817" s="262"/>
      <c r="AK817" s="275"/>
      <c r="AL817" s="276"/>
    </row>
    <row r="818" spans="2:38" s="76" customFormat="1" ht="13.5" customHeight="1" thickBot="1">
      <c r="B818" s="96"/>
      <c r="C818" s="307"/>
      <c r="D818" s="281"/>
      <c r="E818" s="281"/>
      <c r="F818" s="281"/>
      <c r="G818" s="281"/>
      <c r="H818" s="281"/>
      <c r="I818" s="281"/>
      <c r="J818" s="281"/>
      <c r="K818" s="281"/>
      <c r="L818" s="281"/>
      <c r="M818" s="281"/>
      <c r="N818" s="281"/>
      <c r="O818" s="281"/>
      <c r="P818" s="281"/>
      <c r="Q818" s="281"/>
      <c r="R818" s="281"/>
      <c r="S818" s="281"/>
      <c r="T818" s="281"/>
      <c r="U818" s="281"/>
      <c r="V818" s="281"/>
      <c r="W818" s="281"/>
      <c r="X818" s="281"/>
      <c r="Y818" s="281"/>
      <c r="Z818" s="281"/>
      <c r="AA818" s="281"/>
      <c r="AB818" s="281"/>
      <c r="AC818" s="281"/>
      <c r="AD818" s="281"/>
      <c r="AE818" s="281"/>
      <c r="AF818" s="281"/>
      <c r="AG818" s="281"/>
      <c r="AH818" s="281"/>
      <c r="AI818" s="281"/>
      <c r="AJ818" s="281"/>
      <c r="AK818" s="277"/>
      <c r="AL818" s="278"/>
    </row>
    <row r="819" spans="2:38" s="76" customFormat="1" ht="13.5" customHeight="1" thickTop="1" thickBot="1">
      <c r="B819" s="96"/>
      <c r="C819" s="308"/>
      <c r="D819" s="284"/>
      <c r="E819" s="284"/>
      <c r="F819" s="284"/>
      <c r="G819" s="284"/>
      <c r="H819" s="284"/>
      <c r="I819" s="284"/>
      <c r="J819" s="284"/>
      <c r="K819" s="284"/>
      <c r="L819" s="284"/>
      <c r="M819" s="284"/>
      <c r="N819" s="284"/>
      <c r="O819" s="284"/>
      <c r="P819" s="284"/>
      <c r="Q819" s="284"/>
      <c r="R819" s="284"/>
      <c r="S819" s="284"/>
      <c r="T819" s="284"/>
      <c r="U819" s="284"/>
      <c r="V819" s="284"/>
      <c r="W819" s="284"/>
      <c r="X819" s="284"/>
      <c r="Y819" s="284"/>
      <c r="Z819" s="284"/>
      <c r="AA819" s="284"/>
      <c r="AB819" s="284"/>
      <c r="AC819" s="284"/>
      <c r="AD819" s="284"/>
      <c r="AE819" s="284"/>
      <c r="AF819" s="284"/>
      <c r="AG819" s="284"/>
      <c r="AH819" s="284"/>
      <c r="AI819" s="284"/>
      <c r="AJ819" s="284"/>
      <c r="AK819" s="137"/>
      <c r="AL819" s="162"/>
    </row>
    <row r="820" spans="2:38" s="76" customFormat="1" ht="13.5" customHeight="1" thickTop="1">
      <c r="B820" s="96"/>
      <c r="C820" s="451" t="s">
        <v>141</v>
      </c>
      <c r="D820" s="579"/>
      <c r="E820" s="579"/>
      <c r="F820" s="579"/>
      <c r="G820" s="579"/>
      <c r="H820" s="579"/>
      <c r="I820" s="579"/>
      <c r="J820" s="579"/>
      <c r="K820" s="579"/>
      <c r="L820" s="579"/>
      <c r="M820" s="579"/>
      <c r="N820" s="579"/>
      <c r="O820" s="579"/>
      <c r="P820" s="579"/>
      <c r="Q820" s="579"/>
      <c r="R820" s="579"/>
      <c r="S820" s="579"/>
      <c r="T820" s="579"/>
      <c r="U820" s="579"/>
      <c r="V820" s="579"/>
      <c r="W820" s="579"/>
      <c r="X820" s="579"/>
      <c r="Y820" s="579"/>
      <c r="Z820" s="579"/>
      <c r="AA820" s="579"/>
      <c r="AB820" s="579"/>
      <c r="AC820" s="579"/>
      <c r="AD820" s="579"/>
      <c r="AE820" s="579"/>
      <c r="AF820" s="579"/>
      <c r="AG820" s="579"/>
      <c r="AH820" s="579"/>
      <c r="AI820" s="579"/>
      <c r="AJ820" s="580"/>
      <c r="AK820" s="275"/>
      <c r="AL820" s="276"/>
    </row>
    <row r="821" spans="2:38" s="76" customFormat="1" ht="13.5" customHeight="1" thickBot="1">
      <c r="B821" s="96"/>
      <c r="C821" s="453"/>
      <c r="D821" s="581"/>
      <c r="E821" s="581"/>
      <c r="F821" s="581"/>
      <c r="G821" s="581"/>
      <c r="H821" s="581"/>
      <c r="I821" s="581"/>
      <c r="J821" s="581"/>
      <c r="K821" s="581"/>
      <c r="L821" s="581"/>
      <c r="M821" s="581"/>
      <c r="N821" s="581"/>
      <c r="O821" s="581"/>
      <c r="P821" s="581"/>
      <c r="Q821" s="581"/>
      <c r="R821" s="581"/>
      <c r="S821" s="581"/>
      <c r="T821" s="581"/>
      <c r="U821" s="581"/>
      <c r="V821" s="581"/>
      <c r="W821" s="581"/>
      <c r="X821" s="581"/>
      <c r="Y821" s="581"/>
      <c r="Z821" s="581"/>
      <c r="AA821" s="581"/>
      <c r="AB821" s="581"/>
      <c r="AC821" s="581"/>
      <c r="AD821" s="581"/>
      <c r="AE821" s="581"/>
      <c r="AF821" s="581"/>
      <c r="AG821" s="581"/>
      <c r="AH821" s="581"/>
      <c r="AI821" s="581"/>
      <c r="AJ821" s="582"/>
      <c r="AK821" s="277"/>
      <c r="AL821" s="278"/>
    </row>
    <row r="822" spans="2:38" s="76" customFormat="1" ht="13.5" customHeight="1" thickTop="1">
      <c r="B822" s="96"/>
      <c r="C822" s="306" t="s">
        <v>142</v>
      </c>
      <c r="D822" s="262"/>
      <c r="E822" s="262"/>
      <c r="F822" s="262"/>
      <c r="G822" s="262"/>
      <c r="H822" s="262"/>
      <c r="I822" s="262"/>
      <c r="J822" s="262"/>
      <c r="K822" s="262"/>
      <c r="L822" s="262"/>
      <c r="M822" s="262"/>
      <c r="N822" s="262"/>
      <c r="O822" s="262"/>
      <c r="P822" s="262"/>
      <c r="Q822" s="262"/>
      <c r="R822" s="262"/>
      <c r="S822" s="262"/>
      <c r="T822" s="262"/>
      <c r="U822" s="262"/>
      <c r="V822" s="262"/>
      <c r="W822" s="262"/>
      <c r="X822" s="262"/>
      <c r="Y822" s="262"/>
      <c r="Z822" s="262"/>
      <c r="AA822" s="262"/>
      <c r="AB822" s="262"/>
      <c r="AC822" s="262"/>
      <c r="AD822" s="262"/>
      <c r="AE822" s="262"/>
      <c r="AF822" s="262"/>
      <c r="AG822" s="262"/>
      <c r="AH822" s="262"/>
      <c r="AI822" s="262"/>
      <c r="AJ822" s="311"/>
      <c r="AK822" s="275"/>
      <c r="AL822" s="276"/>
    </row>
    <row r="823" spans="2:38" s="76" customFormat="1" ht="13.5" customHeight="1" thickBot="1">
      <c r="B823" s="96"/>
      <c r="C823" s="308"/>
      <c r="D823" s="284"/>
      <c r="E823" s="284"/>
      <c r="F823" s="284"/>
      <c r="G823" s="284"/>
      <c r="H823" s="284"/>
      <c r="I823" s="284"/>
      <c r="J823" s="284"/>
      <c r="K823" s="284"/>
      <c r="L823" s="284"/>
      <c r="M823" s="284"/>
      <c r="N823" s="284"/>
      <c r="O823" s="284"/>
      <c r="P823" s="284"/>
      <c r="Q823" s="284"/>
      <c r="R823" s="284"/>
      <c r="S823" s="284"/>
      <c r="T823" s="284"/>
      <c r="U823" s="284"/>
      <c r="V823" s="284"/>
      <c r="W823" s="284"/>
      <c r="X823" s="284"/>
      <c r="Y823" s="284"/>
      <c r="Z823" s="284"/>
      <c r="AA823" s="284"/>
      <c r="AB823" s="284"/>
      <c r="AC823" s="284"/>
      <c r="AD823" s="284"/>
      <c r="AE823" s="284"/>
      <c r="AF823" s="284"/>
      <c r="AG823" s="284"/>
      <c r="AH823" s="284"/>
      <c r="AI823" s="284"/>
      <c r="AJ823" s="321"/>
      <c r="AK823" s="277"/>
      <c r="AL823" s="278"/>
    </row>
    <row r="824" spans="2:38" s="76" customFormat="1" ht="13.5" customHeight="1" thickTop="1">
      <c r="B824" s="96"/>
      <c r="C824" s="307" t="s">
        <v>148</v>
      </c>
      <c r="D824" s="281"/>
      <c r="E824" s="281"/>
      <c r="F824" s="281"/>
      <c r="G824" s="281"/>
      <c r="H824" s="281"/>
      <c r="I824" s="281"/>
      <c r="J824" s="281"/>
      <c r="K824" s="281"/>
      <c r="L824" s="281"/>
      <c r="M824" s="281"/>
      <c r="N824" s="281"/>
      <c r="O824" s="281"/>
      <c r="P824" s="281"/>
      <c r="Q824" s="281"/>
      <c r="R824" s="281"/>
      <c r="S824" s="281"/>
      <c r="T824" s="281"/>
      <c r="U824" s="281"/>
      <c r="V824" s="281"/>
      <c r="W824" s="281"/>
      <c r="X824" s="281"/>
      <c r="Y824" s="281"/>
      <c r="Z824" s="281"/>
      <c r="AA824" s="281"/>
      <c r="AB824" s="281"/>
      <c r="AC824" s="281"/>
      <c r="AD824" s="281"/>
      <c r="AE824" s="281"/>
      <c r="AF824" s="281"/>
      <c r="AG824" s="281"/>
      <c r="AH824" s="281"/>
      <c r="AI824" s="281"/>
      <c r="AJ824" s="312"/>
      <c r="AK824" s="479"/>
      <c r="AL824" s="480"/>
    </row>
    <row r="825" spans="2:38" s="76" customFormat="1" ht="13.5" customHeight="1" thickBot="1">
      <c r="B825" s="96"/>
      <c r="C825" s="308"/>
      <c r="D825" s="284"/>
      <c r="E825" s="284"/>
      <c r="F825" s="284"/>
      <c r="G825" s="284"/>
      <c r="H825" s="284"/>
      <c r="I825" s="284"/>
      <c r="J825" s="284"/>
      <c r="K825" s="284"/>
      <c r="L825" s="284"/>
      <c r="M825" s="284"/>
      <c r="N825" s="284"/>
      <c r="O825" s="284"/>
      <c r="P825" s="284"/>
      <c r="Q825" s="284"/>
      <c r="R825" s="284"/>
      <c r="S825" s="284"/>
      <c r="T825" s="284"/>
      <c r="U825" s="284"/>
      <c r="V825" s="284"/>
      <c r="W825" s="284"/>
      <c r="X825" s="284"/>
      <c r="Y825" s="284"/>
      <c r="Z825" s="284"/>
      <c r="AA825" s="284"/>
      <c r="AB825" s="284"/>
      <c r="AC825" s="284"/>
      <c r="AD825" s="284"/>
      <c r="AE825" s="284"/>
      <c r="AF825" s="284"/>
      <c r="AG825" s="284"/>
      <c r="AH825" s="284"/>
      <c r="AI825" s="284"/>
      <c r="AJ825" s="321"/>
      <c r="AK825" s="277"/>
      <c r="AL825" s="278"/>
    </row>
    <row r="826" spans="2:38" s="76" customFormat="1" ht="13.5" customHeight="1" thickTop="1">
      <c r="B826" s="96"/>
      <c r="C826" s="307" t="s">
        <v>639</v>
      </c>
      <c r="D826" s="281"/>
      <c r="E826" s="281"/>
      <c r="F826" s="281"/>
      <c r="G826" s="281"/>
      <c r="H826" s="281"/>
      <c r="I826" s="281"/>
      <c r="J826" s="281"/>
      <c r="K826" s="281"/>
      <c r="L826" s="281"/>
      <c r="M826" s="281"/>
      <c r="N826" s="281"/>
      <c r="O826" s="281"/>
      <c r="P826" s="281"/>
      <c r="Q826" s="281"/>
      <c r="R826" s="281"/>
      <c r="S826" s="281"/>
      <c r="T826" s="281"/>
      <c r="U826" s="281"/>
      <c r="V826" s="281"/>
      <c r="W826" s="281"/>
      <c r="X826" s="281"/>
      <c r="Y826" s="281"/>
      <c r="Z826" s="281"/>
      <c r="AA826" s="281"/>
      <c r="AB826" s="281"/>
      <c r="AC826" s="281"/>
      <c r="AD826" s="281"/>
      <c r="AE826" s="281"/>
      <c r="AF826" s="281"/>
      <c r="AG826" s="281"/>
      <c r="AH826" s="281"/>
      <c r="AI826" s="281"/>
      <c r="AJ826" s="312"/>
      <c r="AK826" s="479"/>
      <c r="AL826" s="480"/>
    </row>
    <row r="827" spans="2:38" s="76" customFormat="1" ht="13.5" customHeight="1" thickBot="1">
      <c r="B827" s="96"/>
      <c r="C827" s="308"/>
      <c r="D827" s="284"/>
      <c r="E827" s="284"/>
      <c r="F827" s="284"/>
      <c r="G827" s="284"/>
      <c r="H827" s="284"/>
      <c r="I827" s="284"/>
      <c r="J827" s="284"/>
      <c r="K827" s="284"/>
      <c r="L827" s="284"/>
      <c r="M827" s="284"/>
      <c r="N827" s="284"/>
      <c r="O827" s="284"/>
      <c r="P827" s="284"/>
      <c r="Q827" s="284"/>
      <c r="R827" s="284"/>
      <c r="S827" s="284"/>
      <c r="T827" s="284"/>
      <c r="U827" s="284"/>
      <c r="V827" s="284"/>
      <c r="W827" s="284"/>
      <c r="X827" s="284"/>
      <c r="Y827" s="284"/>
      <c r="Z827" s="284"/>
      <c r="AA827" s="284"/>
      <c r="AB827" s="284"/>
      <c r="AC827" s="284"/>
      <c r="AD827" s="284"/>
      <c r="AE827" s="284"/>
      <c r="AF827" s="284"/>
      <c r="AG827" s="284"/>
      <c r="AH827" s="284"/>
      <c r="AI827" s="284"/>
      <c r="AJ827" s="321"/>
      <c r="AK827" s="277"/>
      <c r="AL827" s="278"/>
    </row>
    <row r="828" spans="2:38" s="76" customFormat="1" ht="13.5" customHeight="1" thickTop="1">
      <c r="B828" s="96"/>
      <c r="C828" s="285" t="s">
        <v>144</v>
      </c>
      <c r="D828" s="286"/>
      <c r="E828" s="286"/>
      <c r="F828" s="286"/>
      <c r="G828" s="286"/>
      <c r="H828" s="286"/>
      <c r="I828" s="286"/>
      <c r="J828" s="286"/>
      <c r="K828" s="286"/>
      <c r="L828" s="286"/>
      <c r="M828" s="286"/>
      <c r="N828" s="286"/>
      <c r="O828" s="286"/>
      <c r="P828" s="286"/>
      <c r="Q828" s="286"/>
      <c r="R828" s="286"/>
      <c r="S828" s="286"/>
      <c r="T828" s="286"/>
      <c r="U828" s="286"/>
      <c r="V828" s="286"/>
      <c r="W828" s="286"/>
      <c r="X828" s="286"/>
      <c r="Y828" s="286"/>
      <c r="Z828" s="286"/>
      <c r="AA828" s="286"/>
      <c r="AB828" s="286"/>
      <c r="AC828" s="286"/>
      <c r="AD828" s="286"/>
      <c r="AE828" s="286"/>
      <c r="AF828" s="286"/>
      <c r="AG828" s="286"/>
      <c r="AH828" s="286"/>
      <c r="AI828" s="286"/>
      <c r="AJ828" s="286"/>
      <c r="AK828" s="275"/>
      <c r="AL828" s="276"/>
    </row>
    <row r="829" spans="2:38" s="76" customFormat="1" ht="13.5" customHeight="1" thickBot="1">
      <c r="B829" s="96"/>
      <c r="C829" s="309"/>
      <c r="D829" s="251"/>
      <c r="E829" s="251"/>
      <c r="F829" s="251"/>
      <c r="G829" s="251"/>
      <c r="H829" s="251"/>
      <c r="I829" s="251"/>
      <c r="J829" s="251"/>
      <c r="K829" s="251"/>
      <c r="L829" s="251"/>
      <c r="M829" s="251"/>
      <c r="N829" s="251"/>
      <c r="O829" s="251"/>
      <c r="P829" s="251"/>
      <c r="Q829" s="251"/>
      <c r="R829" s="251"/>
      <c r="S829" s="251"/>
      <c r="T829" s="251"/>
      <c r="U829" s="251"/>
      <c r="V829" s="251"/>
      <c r="W829" s="251"/>
      <c r="X829" s="251"/>
      <c r="Y829" s="251"/>
      <c r="Z829" s="251"/>
      <c r="AA829" s="251"/>
      <c r="AB829" s="251"/>
      <c r="AC829" s="251"/>
      <c r="AD829" s="251"/>
      <c r="AE829" s="251"/>
      <c r="AF829" s="251"/>
      <c r="AG829" s="251"/>
      <c r="AH829" s="251"/>
      <c r="AI829" s="251"/>
      <c r="AJ829" s="251"/>
      <c r="AK829" s="277"/>
      <c r="AL829" s="278"/>
    </row>
    <row r="830" spans="2:38" s="76" customFormat="1" ht="13.5" customHeight="1" thickTop="1">
      <c r="B830" s="96"/>
      <c r="C830" s="292" t="s">
        <v>640</v>
      </c>
      <c r="D830" s="293"/>
      <c r="E830" s="293"/>
      <c r="F830" s="293"/>
      <c r="G830" s="293"/>
      <c r="H830" s="293"/>
      <c r="I830" s="293"/>
      <c r="J830" s="293"/>
      <c r="K830" s="293"/>
      <c r="L830" s="293"/>
      <c r="M830" s="293"/>
      <c r="N830" s="293"/>
      <c r="O830" s="293"/>
      <c r="P830" s="293"/>
      <c r="Q830" s="293"/>
      <c r="R830" s="293"/>
      <c r="S830" s="293"/>
      <c r="T830" s="293"/>
      <c r="U830" s="293"/>
      <c r="V830" s="293"/>
      <c r="W830" s="293"/>
      <c r="X830" s="293"/>
      <c r="Y830" s="293"/>
      <c r="Z830" s="293"/>
      <c r="AA830" s="293"/>
      <c r="AB830" s="293"/>
      <c r="AC830" s="293"/>
      <c r="AD830" s="293"/>
      <c r="AE830" s="293"/>
      <c r="AF830" s="293"/>
      <c r="AG830" s="293"/>
      <c r="AH830" s="293"/>
      <c r="AI830" s="293"/>
      <c r="AJ830" s="294"/>
      <c r="AK830" s="275"/>
      <c r="AL830" s="276"/>
    </row>
    <row r="831" spans="2:38" s="76" customFormat="1" ht="13.5" customHeight="1" thickBot="1">
      <c r="B831" s="96"/>
      <c r="C831" s="295"/>
      <c r="D831" s="296"/>
      <c r="E831" s="296"/>
      <c r="F831" s="296"/>
      <c r="G831" s="296"/>
      <c r="H831" s="296"/>
      <c r="I831" s="296"/>
      <c r="J831" s="296"/>
      <c r="K831" s="296"/>
      <c r="L831" s="296"/>
      <c r="M831" s="296"/>
      <c r="N831" s="296"/>
      <c r="O831" s="296"/>
      <c r="P831" s="296"/>
      <c r="Q831" s="296"/>
      <c r="R831" s="296"/>
      <c r="S831" s="296"/>
      <c r="T831" s="296"/>
      <c r="U831" s="296"/>
      <c r="V831" s="296"/>
      <c r="W831" s="296"/>
      <c r="X831" s="296"/>
      <c r="Y831" s="296"/>
      <c r="Z831" s="296"/>
      <c r="AA831" s="296"/>
      <c r="AB831" s="296"/>
      <c r="AC831" s="296"/>
      <c r="AD831" s="296"/>
      <c r="AE831" s="296"/>
      <c r="AF831" s="296"/>
      <c r="AG831" s="296"/>
      <c r="AH831" s="296"/>
      <c r="AI831" s="296"/>
      <c r="AJ831" s="297"/>
      <c r="AK831" s="277"/>
      <c r="AL831" s="278"/>
    </row>
    <row r="832" spans="2:38" s="76" customFormat="1" ht="13.5" customHeight="1" thickTop="1">
      <c r="B832" s="96"/>
      <c r="C832" s="307" t="s">
        <v>641</v>
      </c>
      <c r="D832" s="281"/>
      <c r="E832" s="281"/>
      <c r="F832" s="281"/>
      <c r="G832" s="281"/>
      <c r="H832" s="281"/>
      <c r="I832" s="281"/>
      <c r="J832" s="281"/>
      <c r="K832" s="281"/>
      <c r="L832" s="281"/>
      <c r="M832" s="281"/>
      <c r="N832" s="281"/>
      <c r="O832" s="281"/>
      <c r="P832" s="281"/>
      <c r="Q832" s="281"/>
      <c r="R832" s="281"/>
      <c r="S832" s="281"/>
      <c r="T832" s="281"/>
      <c r="U832" s="281"/>
      <c r="V832" s="281"/>
      <c r="W832" s="281"/>
      <c r="X832" s="281"/>
      <c r="Y832" s="281"/>
      <c r="Z832" s="281"/>
      <c r="AA832" s="281"/>
      <c r="AB832" s="281"/>
      <c r="AC832" s="281"/>
      <c r="AD832" s="281"/>
      <c r="AE832" s="281"/>
      <c r="AF832" s="281"/>
      <c r="AG832" s="281"/>
      <c r="AH832" s="281"/>
      <c r="AI832" s="281"/>
      <c r="AJ832" s="312"/>
      <c r="AK832" s="275"/>
      <c r="AL832" s="276"/>
    </row>
    <row r="833" spans="1:38" s="76" customFormat="1" ht="13.5" customHeight="1" thickBot="1">
      <c r="B833" s="96"/>
      <c r="C833" s="308"/>
      <c r="D833" s="284"/>
      <c r="E833" s="284"/>
      <c r="F833" s="284"/>
      <c r="G833" s="284"/>
      <c r="H833" s="284"/>
      <c r="I833" s="284"/>
      <c r="J833" s="284"/>
      <c r="K833" s="284"/>
      <c r="L833" s="284"/>
      <c r="M833" s="284"/>
      <c r="N833" s="284"/>
      <c r="O833" s="284"/>
      <c r="P833" s="284"/>
      <c r="Q833" s="284"/>
      <c r="R833" s="284"/>
      <c r="S833" s="284"/>
      <c r="T833" s="284"/>
      <c r="U833" s="284"/>
      <c r="V833" s="284"/>
      <c r="W833" s="284"/>
      <c r="X833" s="284"/>
      <c r="Y833" s="284"/>
      <c r="Z833" s="284"/>
      <c r="AA833" s="284"/>
      <c r="AB833" s="284"/>
      <c r="AC833" s="284"/>
      <c r="AD833" s="284"/>
      <c r="AE833" s="284"/>
      <c r="AF833" s="284"/>
      <c r="AG833" s="284"/>
      <c r="AH833" s="284"/>
      <c r="AI833" s="284"/>
      <c r="AJ833" s="321"/>
      <c r="AK833" s="277"/>
      <c r="AL833" s="278"/>
    </row>
    <row r="834" spans="1:38" s="76" customFormat="1" ht="13.5" customHeight="1" thickTop="1">
      <c r="B834" s="96"/>
      <c r="C834" s="306" t="s">
        <v>642</v>
      </c>
      <c r="D834" s="262"/>
      <c r="E834" s="262"/>
      <c r="F834" s="262"/>
      <c r="G834" s="262"/>
      <c r="H834" s="262"/>
      <c r="I834" s="262"/>
      <c r="J834" s="262"/>
      <c r="K834" s="262"/>
      <c r="L834" s="262"/>
      <c r="M834" s="262"/>
      <c r="N834" s="262"/>
      <c r="O834" s="262"/>
      <c r="P834" s="262"/>
      <c r="Q834" s="262"/>
      <c r="R834" s="262"/>
      <c r="S834" s="262"/>
      <c r="T834" s="262"/>
      <c r="U834" s="262"/>
      <c r="V834" s="262"/>
      <c r="W834" s="262"/>
      <c r="X834" s="262"/>
      <c r="Y834" s="262"/>
      <c r="Z834" s="262"/>
      <c r="AA834" s="262"/>
      <c r="AB834" s="262"/>
      <c r="AC834" s="262"/>
      <c r="AD834" s="262"/>
      <c r="AE834" s="262"/>
      <c r="AF834" s="262"/>
      <c r="AG834" s="262"/>
      <c r="AH834" s="262"/>
      <c r="AI834" s="262"/>
      <c r="AJ834" s="311"/>
      <c r="AK834" s="275"/>
      <c r="AL834" s="276"/>
    </row>
    <row r="835" spans="1:38" s="76" customFormat="1" ht="13.5" customHeight="1" thickBot="1">
      <c r="B835" s="96"/>
      <c r="C835" s="308"/>
      <c r="D835" s="284"/>
      <c r="E835" s="284"/>
      <c r="F835" s="284"/>
      <c r="G835" s="284"/>
      <c r="H835" s="284"/>
      <c r="I835" s="284"/>
      <c r="J835" s="284"/>
      <c r="K835" s="284"/>
      <c r="L835" s="284"/>
      <c r="M835" s="284"/>
      <c r="N835" s="284"/>
      <c r="O835" s="284"/>
      <c r="P835" s="284"/>
      <c r="Q835" s="284"/>
      <c r="R835" s="284"/>
      <c r="S835" s="284"/>
      <c r="T835" s="284"/>
      <c r="U835" s="284"/>
      <c r="V835" s="284"/>
      <c r="W835" s="284"/>
      <c r="X835" s="284"/>
      <c r="Y835" s="284"/>
      <c r="Z835" s="284"/>
      <c r="AA835" s="284"/>
      <c r="AB835" s="284"/>
      <c r="AC835" s="284"/>
      <c r="AD835" s="284"/>
      <c r="AE835" s="284"/>
      <c r="AF835" s="284"/>
      <c r="AG835" s="284"/>
      <c r="AH835" s="284"/>
      <c r="AI835" s="284"/>
      <c r="AJ835" s="321"/>
      <c r="AK835" s="277"/>
      <c r="AL835" s="278"/>
    </row>
    <row r="836" spans="1:38" s="76" customFormat="1" ht="13.5" customHeight="1" thickTop="1">
      <c r="A836" s="125"/>
      <c r="B836" s="125"/>
      <c r="C836" s="133"/>
      <c r="D836" s="133"/>
      <c r="E836" s="133"/>
      <c r="F836" s="133"/>
      <c r="G836" s="133"/>
      <c r="H836" s="133"/>
      <c r="I836" s="133"/>
      <c r="J836" s="133"/>
      <c r="K836" s="133"/>
      <c r="L836" s="133"/>
      <c r="M836" s="133"/>
      <c r="N836" s="133"/>
      <c r="O836" s="133"/>
      <c r="P836" s="133"/>
      <c r="Q836" s="133"/>
      <c r="R836" s="133"/>
      <c r="S836" s="133"/>
      <c r="T836" s="133"/>
      <c r="U836" s="133"/>
      <c r="V836" s="133"/>
      <c r="W836" s="133"/>
      <c r="X836" s="133"/>
      <c r="Y836" s="133"/>
      <c r="Z836" s="133"/>
      <c r="AA836" s="133"/>
      <c r="AB836" s="133"/>
      <c r="AC836" s="133"/>
      <c r="AD836" s="133"/>
      <c r="AE836" s="133"/>
      <c r="AF836" s="133"/>
      <c r="AG836" s="133"/>
      <c r="AH836" s="133"/>
      <c r="AI836" s="133"/>
      <c r="AJ836" s="133"/>
      <c r="AK836" s="126"/>
      <c r="AL836" s="126"/>
    </row>
    <row r="837" spans="1:38" s="193" customFormat="1" thickBot="1">
      <c r="A837" s="190"/>
      <c r="B837" s="190"/>
      <c r="C837" s="291" t="s">
        <v>673</v>
      </c>
      <c r="D837" s="291"/>
      <c r="E837" s="291"/>
      <c r="F837" s="291"/>
      <c r="G837" s="291"/>
      <c r="H837" s="291"/>
      <c r="I837" s="291"/>
      <c r="J837" s="291"/>
      <c r="K837" s="291"/>
      <c r="L837" s="291"/>
      <c r="M837" s="291"/>
      <c r="N837" s="291"/>
      <c r="O837" s="291"/>
      <c r="P837" s="291"/>
      <c r="Q837" s="291"/>
      <c r="R837" s="291"/>
      <c r="S837" s="291"/>
      <c r="T837" s="291"/>
      <c r="U837" s="191"/>
      <c r="V837" s="191"/>
      <c r="W837" s="191"/>
      <c r="X837" s="191"/>
      <c r="Y837" s="191"/>
      <c r="Z837" s="191"/>
      <c r="AA837" s="191"/>
      <c r="AB837" s="191"/>
      <c r="AC837" s="191"/>
      <c r="AD837" s="191"/>
      <c r="AE837" s="191"/>
      <c r="AF837" s="191"/>
      <c r="AG837" s="191"/>
      <c r="AH837" s="191"/>
      <c r="AI837" s="191"/>
      <c r="AJ837" s="191"/>
      <c r="AK837" s="192"/>
      <c r="AL837" s="192"/>
    </row>
    <row r="838" spans="1:38" s="193" customFormat="1" thickTop="1">
      <c r="A838" s="190"/>
      <c r="B838" s="190"/>
      <c r="C838" s="292" t="s">
        <v>674</v>
      </c>
      <c r="D838" s="293"/>
      <c r="E838" s="293"/>
      <c r="F838" s="293"/>
      <c r="G838" s="293"/>
      <c r="H838" s="293"/>
      <c r="I838" s="293"/>
      <c r="J838" s="293"/>
      <c r="K838" s="293"/>
      <c r="L838" s="293"/>
      <c r="M838" s="293"/>
      <c r="N838" s="293"/>
      <c r="O838" s="293"/>
      <c r="P838" s="293"/>
      <c r="Q838" s="293"/>
      <c r="R838" s="293"/>
      <c r="S838" s="293"/>
      <c r="T838" s="293"/>
      <c r="U838" s="293"/>
      <c r="V838" s="293"/>
      <c r="W838" s="293"/>
      <c r="X838" s="293"/>
      <c r="Y838" s="293"/>
      <c r="Z838" s="293"/>
      <c r="AA838" s="293"/>
      <c r="AB838" s="293"/>
      <c r="AC838" s="293"/>
      <c r="AD838" s="293"/>
      <c r="AE838" s="293"/>
      <c r="AF838" s="293"/>
      <c r="AG838" s="293"/>
      <c r="AH838" s="293"/>
      <c r="AI838" s="293"/>
      <c r="AJ838" s="294"/>
      <c r="AK838" s="298"/>
      <c r="AL838" s="299"/>
    </row>
    <row r="839" spans="1:38" s="193" customFormat="1" thickBot="1">
      <c r="A839" s="190"/>
      <c r="B839" s="190"/>
      <c r="C839" s="295"/>
      <c r="D839" s="296"/>
      <c r="E839" s="296"/>
      <c r="F839" s="296"/>
      <c r="G839" s="296"/>
      <c r="H839" s="296"/>
      <c r="I839" s="296"/>
      <c r="J839" s="296"/>
      <c r="K839" s="296"/>
      <c r="L839" s="296"/>
      <c r="M839" s="296"/>
      <c r="N839" s="296"/>
      <c r="O839" s="296"/>
      <c r="P839" s="296"/>
      <c r="Q839" s="296"/>
      <c r="R839" s="296"/>
      <c r="S839" s="296"/>
      <c r="T839" s="296"/>
      <c r="U839" s="296"/>
      <c r="V839" s="296"/>
      <c r="W839" s="296"/>
      <c r="X839" s="296"/>
      <c r="Y839" s="296"/>
      <c r="Z839" s="296"/>
      <c r="AA839" s="296"/>
      <c r="AB839" s="296"/>
      <c r="AC839" s="296"/>
      <c r="AD839" s="296"/>
      <c r="AE839" s="296"/>
      <c r="AF839" s="296"/>
      <c r="AG839" s="296"/>
      <c r="AH839" s="296"/>
      <c r="AI839" s="296"/>
      <c r="AJ839" s="297"/>
      <c r="AK839" s="300"/>
      <c r="AL839" s="301"/>
    </row>
    <row r="840" spans="1:38" s="76" customFormat="1" ht="13.5" customHeight="1" thickTop="1">
      <c r="A840" s="125"/>
      <c r="B840" s="125"/>
      <c r="C840" s="133"/>
      <c r="D840" s="133"/>
      <c r="E840" s="133"/>
      <c r="F840" s="133"/>
      <c r="G840" s="133"/>
      <c r="H840" s="133"/>
      <c r="I840" s="133"/>
      <c r="J840" s="133"/>
      <c r="K840" s="133"/>
      <c r="L840" s="133"/>
      <c r="M840" s="133"/>
      <c r="N840" s="133"/>
      <c r="O840" s="133"/>
      <c r="P840" s="133"/>
      <c r="Q840" s="133"/>
      <c r="R840" s="133"/>
      <c r="S840" s="133"/>
      <c r="T840" s="133"/>
      <c r="U840" s="133"/>
      <c r="V840" s="133"/>
      <c r="W840" s="133"/>
      <c r="X840" s="133"/>
      <c r="Y840" s="133"/>
      <c r="Z840" s="133"/>
      <c r="AA840" s="133"/>
      <c r="AB840" s="133"/>
      <c r="AC840" s="133"/>
      <c r="AD840" s="133"/>
      <c r="AE840" s="133"/>
      <c r="AF840" s="133"/>
      <c r="AG840" s="133"/>
      <c r="AH840" s="133"/>
      <c r="AI840" s="133"/>
      <c r="AJ840" s="133"/>
      <c r="AK840" s="126"/>
      <c r="AL840" s="126"/>
    </row>
    <row r="841" spans="1:38" s="76" customFormat="1" ht="13.5" customHeight="1">
      <c r="A841" s="127" t="s">
        <v>145</v>
      </c>
    </row>
    <row r="842" spans="1:38" s="76" customFormat="1" ht="13.5" customHeight="1" thickBot="1">
      <c r="A842" s="129" t="s">
        <v>239</v>
      </c>
    </row>
    <row r="843" spans="1:38" s="76" customFormat="1" ht="13.5" customHeight="1" thickTop="1">
      <c r="A843" s="266">
        <v>93</v>
      </c>
      <c r="B843" s="302"/>
      <c r="C843" s="270" t="s">
        <v>570</v>
      </c>
      <c r="D843" s="271"/>
      <c r="E843" s="271"/>
      <c r="F843" s="271"/>
      <c r="G843" s="271"/>
      <c r="H843" s="271"/>
      <c r="I843" s="271"/>
      <c r="J843" s="271"/>
      <c r="K843" s="271"/>
      <c r="L843" s="271"/>
      <c r="M843" s="271"/>
      <c r="N843" s="271"/>
      <c r="O843" s="271"/>
      <c r="P843" s="271"/>
      <c r="Q843" s="271"/>
      <c r="R843" s="271"/>
      <c r="S843" s="271"/>
      <c r="T843" s="271"/>
      <c r="U843" s="271"/>
      <c r="V843" s="271"/>
      <c r="W843" s="271"/>
      <c r="X843" s="271"/>
      <c r="Y843" s="271"/>
      <c r="Z843" s="271"/>
      <c r="AA843" s="271"/>
      <c r="AB843" s="271"/>
      <c r="AC843" s="271"/>
      <c r="AD843" s="271"/>
      <c r="AE843" s="271"/>
      <c r="AF843" s="271"/>
      <c r="AG843" s="271"/>
      <c r="AH843" s="271"/>
      <c r="AI843" s="271"/>
      <c r="AJ843" s="279"/>
      <c r="AK843" s="275"/>
      <c r="AL843" s="276"/>
    </row>
    <row r="844" spans="1:38" s="76" customFormat="1" ht="13.5" customHeight="1" thickBot="1">
      <c r="A844" s="268"/>
      <c r="B844" s="303"/>
      <c r="C844" s="272"/>
      <c r="D844" s="281"/>
      <c r="E844" s="281"/>
      <c r="F844" s="281"/>
      <c r="G844" s="281"/>
      <c r="H844" s="281"/>
      <c r="I844" s="281"/>
      <c r="J844" s="281"/>
      <c r="K844" s="281"/>
      <c r="L844" s="281"/>
      <c r="M844" s="281"/>
      <c r="N844" s="281"/>
      <c r="O844" s="281"/>
      <c r="P844" s="281"/>
      <c r="Q844" s="281"/>
      <c r="R844" s="281"/>
      <c r="S844" s="281"/>
      <c r="T844" s="281"/>
      <c r="U844" s="281"/>
      <c r="V844" s="281"/>
      <c r="W844" s="281"/>
      <c r="X844" s="281"/>
      <c r="Y844" s="281"/>
      <c r="Z844" s="281"/>
      <c r="AA844" s="281"/>
      <c r="AB844" s="281"/>
      <c r="AC844" s="281"/>
      <c r="AD844" s="281"/>
      <c r="AE844" s="281"/>
      <c r="AF844" s="281"/>
      <c r="AG844" s="281"/>
      <c r="AH844" s="281"/>
      <c r="AI844" s="281"/>
      <c r="AJ844" s="312"/>
      <c r="AK844" s="277"/>
      <c r="AL844" s="278"/>
    </row>
    <row r="845" spans="1:38" s="76" customFormat="1" ht="13.5" customHeight="1" thickTop="1">
      <c r="A845" s="125"/>
      <c r="B845" s="125"/>
      <c r="C845" s="273"/>
      <c r="D845" s="274"/>
      <c r="E845" s="274"/>
      <c r="F845" s="274"/>
      <c r="G845" s="274"/>
      <c r="H845" s="274"/>
      <c r="I845" s="274"/>
      <c r="J845" s="274"/>
      <c r="K845" s="274"/>
      <c r="L845" s="274"/>
      <c r="M845" s="274"/>
      <c r="N845" s="274"/>
      <c r="O845" s="274"/>
      <c r="P845" s="274"/>
      <c r="Q845" s="274"/>
      <c r="R845" s="274"/>
      <c r="S845" s="274"/>
      <c r="T845" s="274"/>
      <c r="U845" s="274"/>
      <c r="V845" s="274"/>
      <c r="W845" s="274"/>
      <c r="X845" s="274"/>
      <c r="Y845" s="274"/>
      <c r="Z845" s="274"/>
      <c r="AA845" s="274"/>
      <c r="AB845" s="274"/>
      <c r="AC845" s="274"/>
      <c r="AD845" s="274"/>
      <c r="AE845" s="274"/>
      <c r="AF845" s="274"/>
      <c r="AG845" s="274"/>
      <c r="AH845" s="274"/>
      <c r="AI845" s="274"/>
      <c r="AJ845" s="274"/>
      <c r="AK845" s="130"/>
      <c r="AL845" s="126"/>
    </row>
    <row r="846" spans="1:38" s="76" customFormat="1" ht="13.5" customHeight="1" thickBot="1"/>
    <row r="847" spans="1:38" s="76" customFormat="1" ht="13.5" customHeight="1" thickTop="1">
      <c r="C847" s="481" t="s">
        <v>198</v>
      </c>
      <c r="D847" s="482"/>
      <c r="E847" s="482"/>
      <c r="F847" s="482"/>
      <c r="G847" s="482"/>
      <c r="H847" s="482"/>
      <c r="I847" s="482"/>
      <c r="J847" s="482"/>
      <c r="K847" s="482"/>
      <c r="L847" s="482"/>
      <c r="M847" s="482"/>
      <c r="N847" s="482"/>
      <c r="O847" s="482"/>
      <c r="P847" s="482"/>
      <c r="Q847" s="482"/>
      <c r="R847" s="482"/>
      <c r="S847" s="482"/>
      <c r="T847" s="482"/>
      <c r="U847" s="482"/>
      <c r="V847" s="482"/>
      <c r="W847" s="482"/>
      <c r="X847" s="482"/>
      <c r="Y847" s="482"/>
      <c r="Z847" s="482"/>
      <c r="AA847" s="482"/>
      <c r="AB847" s="482"/>
      <c r="AC847" s="482"/>
      <c r="AD847" s="482"/>
      <c r="AE847" s="482"/>
      <c r="AF847" s="482"/>
      <c r="AG847" s="482"/>
      <c r="AH847" s="482"/>
      <c r="AI847" s="482"/>
      <c r="AJ847" s="483"/>
      <c r="AK847" s="466"/>
      <c r="AL847" s="467"/>
    </row>
    <row r="848" spans="1:38" s="76" customFormat="1" ht="13.5" customHeight="1" thickBot="1">
      <c r="C848" s="481"/>
      <c r="D848" s="482"/>
      <c r="E848" s="482"/>
      <c r="F848" s="482"/>
      <c r="G848" s="482"/>
      <c r="H848" s="482"/>
      <c r="I848" s="482"/>
      <c r="J848" s="482"/>
      <c r="K848" s="482"/>
      <c r="L848" s="482"/>
      <c r="M848" s="482"/>
      <c r="N848" s="482"/>
      <c r="O848" s="482"/>
      <c r="P848" s="482"/>
      <c r="Q848" s="482"/>
      <c r="R848" s="482"/>
      <c r="S848" s="482"/>
      <c r="T848" s="482"/>
      <c r="U848" s="482"/>
      <c r="V848" s="482"/>
      <c r="W848" s="482"/>
      <c r="X848" s="482"/>
      <c r="Y848" s="482"/>
      <c r="Z848" s="482"/>
      <c r="AA848" s="482"/>
      <c r="AB848" s="482"/>
      <c r="AC848" s="482"/>
      <c r="AD848" s="482"/>
      <c r="AE848" s="482"/>
      <c r="AF848" s="482"/>
      <c r="AG848" s="482"/>
      <c r="AH848" s="482"/>
      <c r="AI848" s="482"/>
      <c r="AJ848" s="483"/>
      <c r="AK848" s="470"/>
      <c r="AL848" s="471"/>
    </row>
    <row r="849" spans="1:38" s="76" customFormat="1" ht="13.5" customHeight="1" thickTop="1">
      <c r="C849" s="285" t="s">
        <v>199</v>
      </c>
      <c r="D849" s="286"/>
      <c r="E849" s="286"/>
      <c r="F849" s="286"/>
      <c r="G849" s="286"/>
      <c r="H849" s="286"/>
      <c r="I849" s="286"/>
      <c r="J849" s="286"/>
      <c r="K849" s="286"/>
      <c r="L849" s="286"/>
      <c r="M849" s="286"/>
      <c r="N849" s="286"/>
      <c r="O849" s="286"/>
      <c r="P849" s="286"/>
      <c r="Q849" s="286"/>
      <c r="R849" s="286"/>
      <c r="S849" s="286"/>
      <c r="T849" s="286"/>
      <c r="U849" s="286"/>
      <c r="V849" s="286"/>
      <c r="W849" s="286"/>
      <c r="X849" s="286"/>
      <c r="Y849" s="286"/>
      <c r="Z849" s="286"/>
      <c r="AA849" s="286"/>
      <c r="AB849" s="286"/>
      <c r="AC849" s="286"/>
      <c r="AD849" s="286"/>
      <c r="AE849" s="286"/>
      <c r="AF849" s="286"/>
      <c r="AG849" s="286"/>
      <c r="AH849" s="286"/>
      <c r="AI849" s="286"/>
      <c r="AJ849" s="287"/>
      <c r="AK849" s="466"/>
      <c r="AL849" s="467"/>
    </row>
    <row r="850" spans="1:38" s="76" customFormat="1" ht="13.5" customHeight="1" thickBot="1">
      <c r="C850" s="309"/>
      <c r="D850" s="251"/>
      <c r="E850" s="251"/>
      <c r="F850" s="251"/>
      <c r="G850" s="251"/>
      <c r="H850" s="251"/>
      <c r="I850" s="251"/>
      <c r="J850" s="251"/>
      <c r="K850" s="251"/>
      <c r="L850" s="251"/>
      <c r="M850" s="251"/>
      <c r="N850" s="251"/>
      <c r="O850" s="251"/>
      <c r="P850" s="251"/>
      <c r="Q850" s="251"/>
      <c r="R850" s="251"/>
      <c r="S850" s="251"/>
      <c r="T850" s="251"/>
      <c r="U850" s="251"/>
      <c r="V850" s="251"/>
      <c r="W850" s="251"/>
      <c r="X850" s="251"/>
      <c r="Y850" s="251"/>
      <c r="Z850" s="251"/>
      <c r="AA850" s="251"/>
      <c r="AB850" s="251"/>
      <c r="AC850" s="251"/>
      <c r="AD850" s="251"/>
      <c r="AE850" s="251"/>
      <c r="AF850" s="251"/>
      <c r="AG850" s="251"/>
      <c r="AH850" s="251"/>
      <c r="AI850" s="251"/>
      <c r="AJ850" s="310"/>
      <c r="AK850" s="470"/>
      <c r="AL850" s="471"/>
    </row>
    <row r="851" spans="1:38" s="76" customFormat="1" ht="13.5" customHeight="1" thickTop="1">
      <c r="C851" s="288"/>
      <c r="D851" s="289"/>
      <c r="E851" s="289"/>
      <c r="F851" s="289"/>
      <c r="G851" s="289"/>
      <c r="H851" s="289"/>
      <c r="I851" s="289"/>
      <c r="J851" s="289"/>
      <c r="K851" s="289"/>
      <c r="L851" s="289"/>
      <c r="M851" s="289"/>
      <c r="N851" s="289"/>
      <c r="O851" s="289"/>
      <c r="P851" s="289"/>
      <c r="Q851" s="289"/>
      <c r="R851" s="289"/>
      <c r="S851" s="289"/>
      <c r="T851" s="289"/>
      <c r="U851" s="289"/>
      <c r="V851" s="289"/>
      <c r="W851" s="289"/>
      <c r="X851" s="289"/>
      <c r="Y851" s="289"/>
      <c r="Z851" s="289"/>
      <c r="AA851" s="289"/>
      <c r="AB851" s="289"/>
      <c r="AC851" s="289"/>
      <c r="AD851" s="289"/>
      <c r="AE851" s="289"/>
      <c r="AF851" s="289"/>
      <c r="AG851" s="289"/>
      <c r="AH851" s="289"/>
      <c r="AI851" s="289"/>
      <c r="AJ851" s="290"/>
      <c r="AK851" s="126"/>
      <c r="AL851" s="126"/>
    </row>
    <row r="852" spans="1:38" s="76" customFormat="1" ht="13.5" customHeight="1" thickBot="1">
      <c r="A852" s="125"/>
      <c r="B852" s="125"/>
      <c r="C852" s="133"/>
      <c r="D852" s="133"/>
      <c r="E852" s="133"/>
      <c r="F852" s="133"/>
      <c r="G852" s="133"/>
      <c r="H852" s="133"/>
      <c r="I852" s="133"/>
      <c r="J852" s="133"/>
      <c r="K852" s="133"/>
      <c r="L852" s="133"/>
      <c r="M852" s="133"/>
      <c r="N852" s="133"/>
      <c r="O852" s="133"/>
      <c r="P852" s="133"/>
      <c r="Q852" s="133"/>
      <c r="R852" s="133"/>
      <c r="S852" s="133"/>
      <c r="T852" s="133"/>
      <c r="U852" s="133"/>
      <c r="V852" s="133"/>
      <c r="W852" s="133"/>
      <c r="X852" s="133"/>
      <c r="Y852" s="133"/>
      <c r="Z852" s="133"/>
      <c r="AA852" s="133"/>
      <c r="AB852" s="133"/>
      <c r="AC852" s="133"/>
      <c r="AD852" s="133"/>
      <c r="AE852" s="133"/>
      <c r="AF852" s="133"/>
      <c r="AG852" s="133"/>
      <c r="AH852" s="133"/>
      <c r="AI852" s="133"/>
      <c r="AJ852" s="133"/>
      <c r="AK852" s="126"/>
      <c r="AL852" s="126"/>
    </row>
    <row r="853" spans="1:38" s="76" customFormat="1" ht="13.5" customHeight="1" thickTop="1">
      <c r="A853" s="266">
        <v>94</v>
      </c>
      <c r="B853" s="302"/>
      <c r="C853" s="248" t="s">
        <v>571</v>
      </c>
      <c r="D853" s="249"/>
      <c r="E853" s="249"/>
      <c r="F853" s="249"/>
      <c r="G853" s="249"/>
      <c r="H853" s="249"/>
      <c r="I853" s="249"/>
      <c r="J853" s="249"/>
      <c r="K853" s="249"/>
      <c r="L853" s="249"/>
      <c r="M853" s="249"/>
      <c r="N853" s="249"/>
      <c r="O853" s="249"/>
      <c r="P853" s="249"/>
      <c r="Q853" s="249"/>
      <c r="R853" s="249"/>
      <c r="S853" s="249"/>
      <c r="T853" s="249"/>
      <c r="U853" s="249"/>
      <c r="V853" s="249"/>
      <c r="W853" s="249"/>
      <c r="X853" s="249"/>
      <c r="Y853" s="249"/>
      <c r="Z853" s="249"/>
      <c r="AA853" s="249"/>
      <c r="AB853" s="249"/>
      <c r="AC853" s="249"/>
      <c r="AD853" s="249"/>
      <c r="AE853" s="249"/>
      <c r="AF853" s="249"/>
      <c r="AG853" s="249"/>
      <c r="AH853" s="249"/>
      <c r="AI853" s="249"/>
      <c r="AJ853" s="249"/>
      <c r="AK853" s="275"/>
      <c r="AL853" s="276"/>
    </row>
    <row r="854" spans="1:38" s="76" customFormat="1" ht="13.5" customHeight="1" thickBot="1">
      <c r="A854" s="268"/>
      <c r="B854" s="303"/>
      <c r="C854" s="250"/>
      <c r="D854" s="251"/>
      <c r="E854" s="251"/>
      <c r="F854" s="251"/>
      <c r="G854" s="251"/>
      <c r="H854" s="251"/>
      <c r="I854" s="251"/>
      <c r="J854" s="251"/>
      <c r="K854" s="251"/>
      <c r="L854" s="251"/>
      <c r="M854" s="251"/>
      <c r="N854" s="251"/>
      <c r="O854" s="251"/>
      <c r="P854" s="251"/>
      <c r="Q854" s="251"/>
      <c r="R854" s="251"/>
      <c r="S854" s="251"/>
      <c r="T854" s="251"/>
      <c r="U854" s="251"/>
      <c r="V854" s="251"/>
      <c r="W854" s="251"/>
      <c r="X854" s="251"/>
      <c r="Y854" s="251"/>
      <c r="Z854" s="251"/>
      <c r="AA854" s="251"/>
      <c r="AB854" s="251"/>
      <c r="AC854" s="251"/>
      <c r="AD854" s="251"/>
      <c r="AE854" s="251"/>
      <c r="AF854" s="251"/>
      <c r="AG854" s="251"/>
      <c r="AH854" s="251"/>
      <c r="AI854" s="251"/>
      <c r="AJ854" s="251"/>
      <c r="AK854" s="277"/>
      <c r="AL854" s="278"/>
    </row>
    <row r="855" spans="1:38" s="76" customFormat="1" ht="13.5" customHeight="1" thickTop="1">
      <c r="A855" s="125"/>
      <c r="B855" s="125"/>
      <c r="C855" s="252"/>
      <c r="D855" s="253"/>
      <c r="E855" s="253"/>
      <c r="F855" s="253"/>
      <c r="G855" s="253"/>
      <c r="H855" s="253"/>
      <c r="I855" s="253"/>
      <c r="J855" s="253"/>
      <c r="K855" s="253"/>
      <c r="L855" s="253"/>
      <c r="M855" s="253"/>
      <c r="N855" s="253"/>
      <c r="O855" s="253"/>
      <c r="P855" s="253"/>
      <c r="Q855" s="253"/>
      <c r="R855" s="253"/>
      <c r="S855" s="253"/>
      <c r="T855" s="253"/>
      <c r="U855" s="253"/>
      <c r="V855" s="253"/>
      <c r="W855" s="253"/>
      <c r="X855" s="253"/>
      <c r="Y855" s="253"/>
      <c r="Z855" s="253"/>
      <c r="AA855" s="253"/>
      <c r="AB855" s="253"/>
      <c r="AC855" s="253"/>
      <c r="AD855" s="253"/>
      <c r="AE855" s="253"/>
      <c r="AF855" s="253"/>
      <c r="AG855" s="253"/>
      <c r="AH855" s="253"/>
      <c r="AI855" s="253"/>
      <c r="AJ855" s="254"/>
      <c r="AK855" s="126"/>
      <c r="AL855" s="126"/>
    </row>
    <row r="856" spans="1:38" s="76" customFormat="1" ht="13.5" customHeight="1" thickBot="1"/>
    <row r="857" spans="1:38" s="76" customFormat="1" ht="13.5" customHeight="1" thickTop="1">
      <c r="C857" s="285" t="s">
        <v>200</v>
      </c>
      <c r="D857" s="286"/>
      <c r="E857" s="286"/>
      <c r="F857" s="286"/>
      <c r="G857" s="286"/>
      <c r="H857" s="286"/>
      <c r="I857" s="286"/>
      <c r="J857" s="286"/>
      <c r="K857" s="286"/>
      <c r="L857" s="286"/>
      <c r="M857" s="286"/>
      <c r="N857" s="286"/>
      <c r="O857" s="286"/>
      <c r="P857" s="286"/>
      <c r="Q857" s="286"/>
      <c r="R857" s="286"/>
      <c r="S857" s="286"/>
      <c r="T857" s="286"/>
      <c r="U857" s="286"/>
      <c r="V857" s="286"/>
      <c r="W857" s="286"/>
      <c r="X857" s="286"/>
      <c r="Y857" s="286"/>
      <c r="Z857" s="286"/>
      <c r="AA857" s="286"/>
      <c r="AB857" s="286"/>
      <c r="AC857" s="286"/>
      <c r="AD857" s="286"/>
      <c r="AE857" s="286"/>
      <c r="AF857" s="286"/>
      <c r="AG857" s="286"/>
      <c r="AH857" s="286"/>
      <c r="AI857" s="286"/>
      <c r="AJ857" s="287"/>
      <c r="AK857" s="275"/>
      <c r="AL857" s="276"/>
    </row>
    <row r="858" spans="1:38" s="76" customFormat="1" ht="13.5" customHeight="1" thickBot="1">
      <c r="C858" s="309"/>
      <c r="D858" s="251"/>
      <c r="E858" s="251"/>
      <c r="F858" s="251"/>
      <c r="G858" s="251"/>
      <c r="H858" s="251"/>
      <c r="I858" s="251"/>
      <c r="J858" s="251"/>
      <c r="K858" s="251"/>
      <c r="L858" s="251"/>
      <c r="M858" s="251"/>
      <c r="N858" s="251"/>
      <c r="O858" s="251"/>
      <c r="P858" s="251"/>
      <c r="Q858" s="251"/>
      <c r="R858" s="251"/>
      <c r="S858" s="251"/>
      <c r="T858" s="251"/>
      <c r="U858" s="251"/>
      <c r="V858" s="251"/>
      <c r="W858" s="251"/>
      <c r="X858" s="251"/>
      <c r="Y858" s="251"/>
      <c r="Z858" s="251"/>
      <c r="AA858" s="251"/>
      <c r="AB858" s="251"/>
      <c r="AC858" s="251"/>
      <c r="AD858" s="251"/>
      <c r="AE858" s="251"/>
      <c r="AF858" s="251"/>
      <c r="AG858" s="251"/>
      <c r="AH858" s="251"/>
      <c r="AI858" s="251"/>
      <c r="AJ858" s="310"/>
      <c r="AK858" s="277"/>
      <c r="AL858" s="278"/>
    </row>
    <row r="859" spans="1:38" s="76" customFormat="1" ht="13.5" customHeight="1" thickTop="1">
      <c r="C859" s="288"/>
      <c r="D859" s="289"/>
      <c r="E859" s="289"/>
      <c r="F859" s="289"/>
      <c r="G859" s="289"/>
      <c r="H859" s="289"/>
      <c r="I859" s="289"/>
      <c r="J859" s="289"/>
      <c r="K859" s="289"/>
      <c r="L859" s="289"/>
      <c r="M859" s="289"/>
      <c r="N859" s="289"/>
      <c r="O859" s="289"/>
      <c r="P859" s="289"/>
      <c r="Q859" s="289"/>
      <c r="R859" s="289"/>
      <c r="S859" s="289"/>
      <c r="T859" s="289"/>
      <c r="U859" s="289"/>
      <c r="V859" s="289"/>
      <c r="W859" s="289"/>
      <c r="X859" s="289"/>
      <c r="Y859" s="289"/>
      <c r="Z859" s="289"/>
      <c r="AA859" s="289"/>
      <c r="AB859" s="289"/>
      <c r="AC859" s="289"/>
      <c r="AD859" s="289"/>
      <c r="AE859" s="289"/>
      <c r="AF859" s="289"/>
      <c r="AG859" s="289"/>
      <c r="AH859" s="289"/>
      <c r="AI859" s="289"/>
      <c r="AJ859" s="290"/>
    </row>
    <row r="860" spans="1:38" s="76" customFormat="1" ht="13.5" customHeight="1" thickBot="1">
      <c r="C860" s="139"/>
      <c r="D860" s="139"/>
      <c r="E860" s="139"/>
      <c r="F860" s="139"/>
      <c r="G860" s="139"/>
      <c r="H860" s="139"/>
      <c r="I860" s="139"/>
      <c r="J860" s="139"/>
      <c r="K860" s="139"/>
      <c r="L860" s="139"/>
      <c r="M860" s="139"/>
      <c r="N860" s="139"/>
      <c r="O860" s="139"/>
      <c r="P860" s="139"/>
      <c r="Q860" s="139"/>
      <c r="R860" s="139"/>
      <c r="S860" s="139"/>
      <c r="T860" s="139"/>
      <c r="U860" s="139"/>
      <c r="V860" s="139"/>
      <c r="W860" s="139"/>
      <c r="X860" s="139"/>
      <c r="Y860" s="139"/>
      <c r="Z860" s="139"/>
      <c r="AA860" s="139"/>
      <c r="AB860" s="139"/>
      <c r="AC860" s="139"/>
      <c r="AD860" s="139"/>
      <c r="AE860" s="139"/>
      <c r="AF860" s="139"/>
      <c r="AG860" s="139"/>
      <c r="AH860" s="139"/>
      <c r="AI860" s="139"/>
      <c r="AJ860" s="139"/>
    </row>
    <row r="861" spans="1:38" s="76" customFormat="1" ht="13.5" customHeight="1" thickTop="1">
      <c r="A861" s="266">
        <v>95</v>
      </c>
      <c r="B861" s="302"/>
      <c r="C861" s="248" t="s">
        <v>654</v>
      </c>
      <c r="D861" s="249"/>
      <c r="E861" s="249"/>
      <c r="F861" s="249"/>
      <c r="G861" s="249"/>
      <c r="H861" s="249"/>
      <c r="I861" s="249"/>
      <c r="J861" s="249"/>
      <c r="K861" s="249"/>
      <c r="L861" s="249"/>
      <c r="M861" s="249"/>
      <c r="N861" s="249"/>
      <c r="O861" s="249"/>
      <c r="P861" s="249"/>
      <c r="Q861" s="249"/>
      <c r="R861" s="249"/>
      <c r="S861" s="249"/>
      <c r="T861" s="249"/>
      <c r="U861" s="249"/>
      <c r="V861" s="249"/>
      <c r="W861" s="249"/>
      <c r="X861" s="249"/>
      <c r="Y861" s="249"/>
      <c r="Z861" s="249"/>
      <c r="AA861" s="249"/>
      <c r="AB861" s="249"/>
      <c r="AC861" s="249"/>
      <c r="AD861" s="249"/>
      <c r="AE861" s="249"/>
      <c r="AF861" s="249"/>
      <c r="AG861" s="249"/>
      <c r="AH861" s="249"/>
      <c r="AI861" s="249"/>
      <c r="AJ861" s="249"/>
      <c r="AK861" s="275"/>
      <c r="AL861" s="276"/>
    </row>
    <row r="862" spans="1:38" s="76" customFormat="1" ht="13.5" customHeight="1" thickBot="1">
      <c r="A862" s="268"/>
      <c r="B862" s="303"/>
      <c r="C862" s="250"/>
      <c r="D862" s="251"/>
      <c r="E862" s="251"/>
      <c r="F862" s="251"/>
      <c r="G862" s="251"/>
      <c r="H862" s="251"/>
      <c r="I862" s="251"/>
      <c r="J862" s="251"/>
      <c r="K862" s="251"/>
      <c r="L862" s="251"/>
      <c r="M862" s="251"/>
      <c r="N862" s="251"/>
      <c r="O862" s="251"/>
      <c r="P862" s="251"/>
      <c r="Q862" s="251"/>
      <c r="R862" s="251"/>
      <c r="S862" s="251"/>
      <c r="T862" s="251"/>
      <c r="U862" s="251"/>
      <c r="V862" s="251"/>
      <c r="W862" s="251"/>
      <c r="X862" s="251"/>
      <c r="Y862" s="251"/>
      <c r="Z862" s="251"/>
      <c r="AA862" s="251"/>
      <c r="AB862" s="251"/>
      <c r="AC862" s="251"/>
      <c r="AD862" s="251"/>
      <c r="AE862" s="251"/>
      <c r="AF862" s="251"/>
      <c r="AG862" s="251"/>
      <c r="AH862" s="251"/>
      <c r="AI862" s="251"/>
      <c r="AJ862" s="251"/>
      <c r="AK862" s="277"/>
      <c r="AL862" s="278"/>
    </row>
    <row r="863" spans="1:38" s="76" customFormat="1" ht="13.5" customHeight="1" thickTop="1">
      <c r="A863" s="125"/>
      <c r="B863" s="125"/>
      <c r="C863" s="250"/>
      <c r="D863" s="251"/>
      <c r="E863" s="251"/>
      <c r="F863" s="251"/>
      <c r="G863" s="251"/>
      <c r="H863" s="251"/>
      <c r="I863" s="251"/>
      <c r="J863" s="251"/>
      <c r="K863" s="251"/>
      <c r="L863" s="251"/>
      <c r="M863" s="251"/>
      <c r="N863" s="251"/>
      <c r="O863" s="251"/>
      <c r="P863" s="251"/>
      <c r="Q863" s="251"/>
      <c r="R863" s="251"/>
      <c r="S863" s="251"/>
      <c r="T863" s="251"/>
      <c r="U863" s="251"/>
      <c r="V863" s="251"/>
      <c r="W863" s="251"/>
      <c r="X863" s="251"/>
      <c r="Y863" s="251"/>
      <c r="Z863" s="251"/>
      <c r="AA863" s="251"/>
      <c r="AB863" s="251"/>
      <c r="AC863" s="251"/>
      <c r="AD863" s="251"/>
      <c r="AE863" s="251"/>
      <c r="AF863" s="251"/>
      <c r="AG863" s="251"/>
      <c r="AH863" s="251"/>
      <c r="AI863" s="251"/>
      <c r="AJ863" s="475"/>
      <c r="AK863" s="126"/>
      <c r="AL863" s="126"/>
    </row>
    <row r="864" spans="1:38" s="76" customFormat="1" ht="13.5" customHeight="1">
      <c r="C864" s="252"/>
      <c r="D864" s="253"/>
      <c r="E864" s="253"/>
      <c r="F864" s="253"/>
      <c r="G864" s="253"/>
      <c r="H864" s="253"/>
      <c r="I864" s="253"/>
      <c r="J864" s="253"/>
      <c r="K864" s="253"/>
      <c r="L864" s="253"/>
      <c r="M864" s="253"/>
      <c r="N864" s="253"/>
      <c r="O864" s="253"/>
      <c r="P864" s="253"/>
      <c r="Q864" s="253"/>
      <c r="R864" s="253"/>
      <c r="S864" s="253"/>
      <c r="T864" s="253"/>
      <c r="U864" s="253"/>
      <c r="V864" s="253"/>
      <c r="W864" s="253"/>
      <c r="X864" s="253"/>
      <c r="Y864" s="253"/>
      <c r="Z864" s="253"/>
      <c r="AA864" s="253"/>
      <c r="AB864" s="253"/>
      <c r="AC864" s="253"/>
      <c r="AD864" s="253"/>
      <c r="AE864" s="253"/>
      <c r="AF864" s="253"/>
      <c r="AG864" s="253"/>
      <c r="AH864" s="253"/>
      <c r="AI864" s="253"/>
      <c r="AJ864" s="254"/>
    </row>
    <row r="865" spans="1:38" s="76" customFormat="1" ht="13.5" customHeight="1" thickBot="1">
      <c r="C865" s="139"/>
      <c r="D865" s="139"/>
      <c r="E865" s="139"/>
      <c r="F865" s="139"/>
      <c r="G865" s="139"/>
      <c r="H865" s="139"/>
      <c r="I865" s="139"/>
      <c r="J865" s="139"/>
      <c r="K865" s="139"/>
      <c r="L865" s="139"/>
      <c r="M865" s="139"/>
      <c r="N865" s="139"/>
      <c r="O865" s="139"/>
      <c r="P865" s="139"/>
      <c r="Q865" s="139"/>
      <c r="R865" s="139"/>
      <c r="S865" s="139"/>
      <c r="T865" s="139"/>
      <c r="U865" s="139"/>
      <c r="V865" s="139"/>
      <c r="W865" s="139"/>
      <c r="X865" s="139"/>
      <c r="Y865" s="139"/>
      <c r="Z865" s="139"/>
      <c r="AA865" s="139"/>
      <c r="AB865" s="139"/>
      <c r="AC865" s="139"/>
      <c r="AD865" s="139"/>
      <c r="AE865" s="139"/>
      <c r="AF865" s="139"/>
      <c r="AG865" s="139"/>
      <c r="AH865" s="139"/>
      <c r="AI865" s="139"/>
      <c r="AJ865" s="139"/>
    </row>
    <row r="866" spans="1:38" s="76" customFormat="1" ht="13.5" customHeight="1" thickTop="1">
      <c r="A866" s="266">
        <v>96</v>
      </c>
      <c r="B866" s="302"/>
      <c r="C866" s="270" t="s">
        <v>655</v>
      </c>
      <c r="D866" s="271"/>
      <c r="E866" s="271"/>
      <c r="F866" s="271"/>
      <c r="G866" s="271"/>
      <c r="H866" s="271"/>
      <c r="I866" s="271"/>
      <c r="J866" s="271"/>
      <c r="K866" s="271"/>
      <c r="L866" s="271"/>
      <c r="M866" s="271"/>
      <c r="N866" s="271"/>
      <c r="O866" s="271"/>
      <c r="P866" s="271"/>
      <c r="Q866" s="271"/>
      <c r="R866" s="271"/>
      <c r="S866" s="271"/>
      <c r="T866" s="271"/>
      <c r="U866" s="271"/>
      <c r="V866" s="271"/>
      <c r="W866" s="271"/>
      <c r="X866" s="271"/>
      <c r="Y866" s="271"/>
      <c r="Z866" s="271"/>
      <c r="AA866" s="271"/>
      <c r="AB866" s="271"/>
      <c r="AC866" s="271"/>
      <c r="AD866" s="271"/>
      <c r="AE866" s="271"/>
      <c r="AF866" s="271"/>
      <c r="AG866" s="271"/>
      <c r="AH866" s="271"/>
      <c r="AI866" s="271"/>
      <c r="AJ866" s="271"/>
      <c r="AK866" s="275"/>
      <c r="AL866" s="276"/>
    </row>
    <row r="867" spans="1:38" s="76" customFormat="1" ht="13.5" customHeight="1" thickBot="1">
      <c r="A867" s="268"/>
      <c r="B867" s="303"/>
      <c r="C867" s="272"/>
      <c r="D867" s="281"/>
      <c r="E867" s="281"/>
      <c r="F867" s="281"/>
      <c r="G867" s="281"/>
      <c r="H867" s="281"/>
      <c r="I867" s="281"/>
      <c r="J867" s="281"/>
      <c r="K867" s="281"/>
      <c r="L867" s="281"/>
      <c r="M867" s="281"/>
      <c r="N867" s="281"/>
      <c r="O867" s="281"/>
      <c r="P867" s="281"/>
      <c r="Q867" s="281"/>
      <c r="R867" s="281"/>
      <c r="S867" s="281"/>
      <c r="T867" s="281"/>
      <c r="U867" s="281"/>
      <c r="V867" s="281"/>
      <c r="W867" s="281"/>
      <c r="X867" s="281"/>
      <c r="Y867" s="281"/>
      <c r="Z867" s="281"/>
      <c r="AA867" s="281"/>
      <c r="AB867" s="281"/>
      <c r="AC867" s="281"/>
      <c r="AD867" s="281"/>
      <c r="AE867" s="281"/>
      <c r="AF867" s="281"/>
      <c r="AG867" s="281"/>
      <c r="AH867" s="281"/>
      <c r="AI867" s="281"/>
      <c r="AJ867" s="281"/>
      <c r="AK867" s="277"/>
      <c r="AL867" s="278"/>
    </row>
    <row r="868" spans="1:38" s="76" customFormat="1" ht="13.5" customHeight="1" thickTop="1">
      <c r="A868" s="125"/>
      <c r="B868" s="125"/>
      <c r="C868" s="273"/>
      <c r="D868" s="274"/>
      <c r="E868" s="274"/>
      <c r="F868" s="274"/>
      <c r="G868" s="274"/>
      <c r="H868" s="274"/>
      <c r="I868" s="274"/>
      <c r="J868" s="274"/>
      <c r="K868" s="274"/>
      <c r="L868" s="274"/>
      <c r="M868" s="274"/>
      <c r="N868" s="274"/>
      <c r="O868" s="274"/>
      <c r="P868" s="274"/>
      <c r="Q868" s="274"/>
      <c r="R868" s="274"/>
      <c r="S868" s="274"/>
      <c r="T868" s="274"/>
      <c r="U868" s="274"/>
      <c r="V868" s="274"/>
      <c r="W868" s="274"/>
      <c r="X868" s="274"/>
      <c r="Y868" s="274"/>
      <c r="Z868" s="274"/>
      <c r="AA868" s="274"/>
      <c r="AB868" s="274"/>
      <c r="AC868" s="274"/>
      <c r="AD868" s="274"/>
      <c r="AE868" s="274"/>
      <c r="AF868" s="274"/>
      <c r="AG868" s="274"/>
      <c r="AH868" s="274"/>
      <c r="AI868" s="274"/>
      <c r="AJ868" s="314"/>
      <c r="AK868" s="126"/>
      <c r="AL868" s="126"/>
    </row>
    <row r="869" spans="1:38" s="76" customFormat="1" ht="13.5" customHeight="1" thickBot="1">
      <c r="A869" s="125"/>
      <c r="B869" s="125"/>
      <c r="C869" s="133"/>
      <c r="D869" s="133"/>
      <c r="E869" s="133"/>
      <c r="F869" s="133"/>
      <c r="G869" s="133"/>
      <c r="H869" s="133"/>
      <c r="I869" s="133"/>
      <c r="J869" s="133"/>
      <c r="K869" s="133"/>
      <c r="L869" s="133"/>
      <c r="M869" s="133"/>
      <c r="N869" s="133"/>
      <c r="O869" s="133"/>
      <c r="P869" s="133"/>
      <c r="Q869" s="133"/>
      <c r="R869" s="133"/>
      <c r="S869" s="133"/>
      <c r="T869" s="133"/>
      <c r="U869" s="133"/>
      <c r="V869" s="133"/>
      <c r="W869" s="133"/>
      <c r="X869" s="133"/>
      <c r="Y869" s="133"/>
      <c r="Z869" s="133"/>
      <c r="AA869" s="133"/>
      <c r="AB869" s="133"/>
      <c r="AC869" s="133"/>
      <c r="AD869" s="133"/>
      <c r="AE869" s="133"/>
      <c r="AF869" s="133"/>
      <c r="AG869" s="133"/>
      <c r="AH869" s="133"/>
      <c r="AI869" s="133"/>
      <c r="AJ869" s="133"/>
      <c r="AK869" s="126"/>
      <c r="AL869" s="126"/>
    </row>
    <row r="870" spans="1:38" s="76" customFormat="1" ht="13.5" customHeight="1" thickTop="1">
      <c r="A870" s="266">
        <v>97</v>
      </c>
      <c r="B870" s="267"/>
      <c r="C870" s="270" t="s">
        <v>572</v>
      </c>
      <c r="D870" s="271"/>
      <c r="E870" s="271"/>
      <c r="F870" s="271"/>
      <c r="G870" s="271"/>
      <c r="H870" s="271"/>
      <c r="I870" s="271"/>
      <c r="J870" s="271"/>
      <c r="K870" s="271"/>
      <c r="L870" s="271"/>
      <c r="M870" s="271"/>
      <c r="N870" s="271"/>
      <c r="O870" s="271"/>
      <c r="P870" s="271"/>
      <c r="Q870" s="271"/>
      <c r="R870" s="271"/>
      <c r="S870" s="271"/>
      <c r="T870" s="271"/>
      <c r="U870" s="271"/>
      <c r="V870" s="271"/>
      <c r="W870" s="271"/>
      <c r="X870" s="271"/>
      <c r="Y870" s="271"/>
      <c r="Z870" s="271"/>
      <c r="AA870" s="271"/>
      <c r="AB870" s="271"/>
      <c r="AC870" s="271"/>
      <c r="AD870" s="271"/>
      <c r="AE870" s="271"/>
      <c r="AF870" s="271"/>
      <c r="AG870" s="271"/>
      <c r="AH870" s="271"/>
      <c r="AI870" s="271"/>
      <c r="AJ870" s="271"/>
      <c r="AK870" s="275"/>
      <c r="AL870" s="276"/>
    </row>
    <row r="871" spans="1:38" s="76" customFormat="1" ht="13.5" customHeight="1" thickBot="1">
      <c r="A871" s="268"/>
      <c r="B871" s="269"/>
      <c r="C871" s="272"/>
      <c r="D871" s="263"/>
      <c r="E871" s="263"/>
      <c r="F871" s="263"/>
      <c r="G871" s="263"/>
      <c r="H871" s="263"/>
      <c r="I871" s="263"/>
      <c r="J871" s="263"/>
      <c r="K871" s="263"/>
      <c r="L871" s="263"/>
      <c r="M871" s="263"/>
      <c r="N871" s="263"/>
      <c r="O871" s="263"/>
      <c r="P871" s="263"/>
      <c r="Q871" s="263"/>
      <c r="R871" s="263"/>
      <c r="S871" s="263"/>
      <c r="T871" s="263"/>
      <c r="U871" s="263"/>
      <c r="V871" s="263"/>
      <c r="W871" s="263"/>
      <c r="X871" s="263"/>
      <c r="Y871" s="263"/>
      <c r="Z871" s="263"/>
      <c r="AA871" s="263"/>
      <c r="AB871" s="263"/>
      <c r="AC871" s="263"/>
      <c r="AD871" s="263"/>
      <c r="AE871" s="263"/>
      <c r="AF871" s="263"/>
      <c r="AG871" s="263"/>
      <c r="AH871" s="263"/>
      <c r="AI871" s="263"/>
      <c r="AJ871" s="263"/>
      <c r="AK871" s="277"/>
      <c r="AL871" s="278"/>
    </row>
    <row r="872" spans="1:38" s="76" customFormat="1" ht="13.5" customHeight="1" thickTop="1">
      <c r="A872" s="166"/>
      <c r="B872" s="165"/>
      <c r="C872" s="272"/>
      <c r="D872" s="263"/>
      <c r="E872" s="263"/>
      <c r="F872" s="263"/>
      <c r="G872" s="263"/>
      <c r="H872" s="263"/>
      <c r="I872" s="263"/>
      <c r="J872" s="263"/>
      <c r="K872" s="263"/>
      <c r="L872" s="263"/>
      <c r="M872" s="263"/>
      <c r="N872" s="263"/>
      <c r="O872" s="263"/>
      <c r="P872" s="263"/>
      <c r="Q872" s="263"/>
      <c r="R872" s="263"/>
      <c r="S872" s="263"/>
      <c r="T872" s="263"/>
      <c r="U872" s="263"/>
      <c r="V872" s="263"/>
      <c r="W872" s="263"/>
      <c r="X872" s="263"/>
      <c r="Y872" s="263"/>
      <c r="Z872" s="263"/>
      <c r="AA872" s="263"/>
      <c r="AB872" s="263"/>
      <c r="AC872" s="263"/>
      <c r="AD872" s="263"/>
      <c r="AE872" s="263"/>
      <c r="AF872" s="263"/>
      <c r="AG872" s="263"/>
      <c r="AH872" s="263"/>
      <c r="AI872" s="263"/>
      <c r="AJ872" s="263"/>
      <c r="AK872" s="130"/>
      <c r="AL872" s="162"/>
    </row>
    <row r="873" spans="1:38" s="76" customFormat="1" ht="13.5" customHeight="1">
      <c r="A873" s="125"/>
      <c r="B873" s="185"/>
      <c r="C873" s="272"/>
      <c r="D873" s="263"/>
      <c r="E873" s="263"/>
      <c r="F873" s="263"/>
      <c r="G873" s="263"/>
      <c r="H873" s="263"/>
      <c r="I873" s="263"/>
      <c r="J873" s="263"/>
      <c r="K873" s="263"/>
      <c r="L873" s="263"/>
      <c r="M873" s="263"/>
      <c r="N873" s="263"/>
      <c r="O873" s="263"/>
      <c r="P873" s="263"/>
      <c r="Q873" s="263"/>
      <c r="R873" s="263"/>
      <c r="S873" s="263"/>
      <c r="T873" s="263"/>
      <c r="U873" s="263"/>
      <c r="V873" s="263"/>
      <c r="W873" s="263"/>
      <c r="X873" s="263"/>
      <c r="Y873" s="263"/>
      <c r="Z873" s="263"/>
      <c r="AA873" s="263"/>
      <c r="AB873" s="263"/>
      <c r="AC873" s="263"/>
      <c r="AD873" s="263"/>
      <c r="AE873" s="263"/>
      <c r="AF873" s="263"/>
      <c r="AG873" s="263"/>
      <c r="AH873" s="263"/>
      <c r="AI873" s="263"/>
      <c r="AJ873" s="263"/>
      <c r="AK873" s="131"/>
      <c r="AL873" s="126"/>
    </row>
    <row r="874" spans="1:38" s="76" customFormat="1" ht="13.5" customHeight="1">
      <c r="A874" s="194"/>
      <c r="B874" s="185"/>
      <c r="C874" s="273"/>
      <c r="D874" s="274"/>
      <c r="E874" s="274"/>
      <c r="F874" s="274"/>
      <c r="G874" s="274"/>
      <c r="H874" s="274"/>
      <c r="I874" s="274"/>
      <c r="J874" s="274"/>
      <c r="K874" s="274"/>
      <c r="L874" s="274"/>
      <c r="M874" s="274"/>
      <c r="N874" s="274"/>
      <c r="O874" s="274"/>
      <c r="P874" s="274"/>
      <c r="Q874" s="274"/>
      <c r="R874" s="274"/>
      <c r="S874" s="274"/>
      <c r="T874" s="274"/>
      <c r="U874" s="274"/>
      <c r="V874" s="274"/>
      <c r="W874" s="274"/>
      <c r="X874" s="274"/>
      <c r="Y874" s="274"/>
      <c r="Z874" s="274"/>
      <c r="AA874" s="274"/>
      <c r="AB874" s="274"/>
      <c r="AC874" s="274"/>
      <c r="AD874" s="274"/>
      <c r="AE874" s="274"/>
      <c r="AF874" s="274"/>
      <c r="AG874" s="274"/>
      <c r="AH874" s="274"/>
      <c r="AI874" s="274"/>
      <c r="AJ874" s="274"/>
      <c r="AK874" s="131"/>
      <c r="AL874" s="75"/>
    </row>
    <row r="875" spans="1:38" s="76" customFormat="1" ht="13.5" customHeight="1"/>
    <row r="876" spans="1:38" s="76" customFormat="1" ht="13.5" customHeight="1" thickBot="1">
      <c r="C876" s="76" t="s">
        <v>150</v>
      </c>
    </row>
    <row r="877" spans="1:38" s="76" customFormat="1" ht="13.5" customHeight="1" thickTop="1">
      <c r="C877" s="306" t="s">
        <v>423</v>
      </c>
      <c r="D877" s="262"/>
      <c r="E877" s="262"/>
      <c r="F877" s="262"/>
      <c r="G877" s="262"/>
      <c r="H877" s="262"/>
      <c r="I877" s="262"/>
      <c r="J877" s="262"/>
      <c r="K877" s="262"/>
      <c r="L877" s="262"/>
      <c r="M877" s="262"/>
      <c r="N877" s="262"/>
      <c r="O877" s="262"/>
      <c r="P877" s="262"/>
      <c r="Q877" s="262"/>
      <c r="R877" s="262"/>
      <c r="S877" s="262"/>
      <c r="T877" s="262"/>
      <c r="U877" s="262"/>
      <c r="V877" s="262"/>
      <c r="W877" s="262"/>
      <c r="X877" s="262"/>
      <c r="Y877" s="262"/>
      <c r="Z877" s="262"/>
      <c r="AA877" s="262"/>
      <c r="AB877" s="262"/>
      <c r="AC877" s="262"/>
      <c r="AD877" s="262"/>
      <c r="AE877" s="262"/>
      <c r="AF877" s="262"/>
      <c r="AG877" s="262"/>
      <c r="AH877" s="262"/>
      <c r="AI877" s="262"/>
      <c r="AJ877" s="311"/>
      <c r="AK877" s="275"/>
      <c r="AL877" s="276"/>
    </row>
    <row r="878" spans="1:38" s="76" customFormat="1" ht="13.5" customHeight="1" thickBot="1">
      <c r="C878" s="307"/>
      <c r="D878" s="263"/>
      <c r="E878" s="263"/>
      <c r="F878" s="263"/>
      <c r="G878" s="263"/>
      <c r="H878" s="263"/>
      <c r="I878" s="263"/>
      <c r="J878" s="263"/>
      <c r="K878" s="263"/>
      <c r="L878" s="263"/>
      <c r="M878" s="263"/>
      <c r="N878" s="263"/>
      <c r="O878" s="263"/>
      <c r="P878" s="263"/>
      <c r="Q878" s="263"/>
      <c r="R878" s="263"/>
      <c r="S878" s="263"/>
      <c r="T878" s="263"/>
      <c r="U878" s="263"/>
      <c r="V878" s="263"/>
      <c r="W878" s="263"/>
      <c r="X878" s="263"/>
      <c r="Y878" s="263"/>
      <c r="Z878" s="263"/>
      <c r="AA878" s="263"/>
      <c r="AB878" s="263"/>
      <c r="AC878" s="263"/>
      <c r="AD878" s="263"/>
      <c r="AE878" s="263"/>
      <c r="AF878" s="263"/>
      <c r="AG878" s="263"/>
      <c r="AH878" s="263"/>
      <c r="AI878" s="263"/>
      <c r="AJ878" s="312"/>
      <c r="AK878" s="277"/>
      <c r="AL878" s="278"/>
    </row>
    <row r="879" spans="1:38" s="76" customFormat="1" ht="13.5" customHeight="1" thickTop="1">
      <c r="C879" s="307"/>
      <c r="D879" s="263"/>
      <c r="E879" s="263"/>
      <c r="F879" s="263"/>
      <c r="G879" s="263"/>
      <c r="H879" s="263"/>
      <c r="I879" s="263"/>
      <c r="J879" s="263"/>
      <c r="K879" s="263"/>
      <c r="L879" s="263"/>
      <c r="M879" s="263"/>
      <c r="N879" s="263"/>
      <c r="O879" s="263"/>
      <c r="P879" s="263"/>
      <c r="Q879" s="263"/>
      <c r="R879" s="263"/>
      <c r="S879" s="263"/>
      <c r="T879" s="263"/>
      <c r="U879" s="263"/>
      <c r="V879" s="263"/>
      <c r="W879" s="263"/>
      <c r="X879" s="263"/>
      <c r="Y879" s="263"/>
      <c r="Z879" s="263"/>
      <c r="AA879" s="263"/>
      <c r="AB879" s="263"/>
      <c r="AC879" s="263"/>
      <c r="AD879" s="263"/>
      <c r="AE879" s="263"/>
      <c r="AF879" s="263"/>
      <c r="AG879" s="263"/>
      <c r="AH879" s="263"/>
      <c r="AI879" s="263"/>
      <c r="AJ879" s="263"/>
      <c r="AK879" s="137"/>
      <c r="AL879" s="162"/>
    </row>
    <row r="880" spans="1:38" s="76" customFormat="1" ht="13.5" customHeight="1" thickBot="1">
      <c r="C880" s="308"/>
      <c r="D880" s="284"/>
      <c r="E880" s="284"/>
      <c r="F880" s="284"/>
      <c r="G880" s="284"/>
      <c r="H880" s="284"/>
      <c r="I880" s="284"/>
      <c r="J880" s="284"/>
      <c r="K880" s="284"/>
      <c r="L880" s="284"/>
      <c r="M880" s="284"/>
      <c r="N880" s="284"/>
      <c r="O880" s="284"/>
      <c r="P880" s="284"/>
      <c r="Q880" s="284"/>
      <c r="R880" s="284"/>
      <c r="S880" s="284"/>
      <c r="T880" s="284"/>
      <c r="U880" s="284"/>
      <c r="V880" s="284"/>
      <c r="W880" s="284"/>
      <c r="X880" s="284"/>
      <c r="Y880" s="284"/>
      <c r="Z880" s="284"/>
      <c r="AA880" s="284"/>
      <c r="AB880" s="284"/>
      <c r="AC880" s="284"/>
      <c r="AD880" s="284"/>
      <c r="AE880" s="284"/>
      <c r="AF880" s="284"/>
      <c r="AG880" s="284"/>
      <c r="AH880" s="284"/>
      <c r="AI880" s="284"/>
      <c r="AJ880" s="284"/>
      <c r="AK880" s="140"/>
      <c r="AL880" s="171"/>
    </row>
    <row r="881" spans="1:38" s="76" customFormat="1" ht="13.5" customHeight="1" thickTop="1">
      <c r="C881" s="306" t="s">
        <v>424</v>
      </c>
      <c r="D881" s="262"/>
      <c r="E881" s="262"/>
      <c r="F881" s="262"/>
      <c r="G881" s="262"/>
      <c r="H881" s="262"/>
      <c r="I881" s="262"/>
      <c r="J881" s="262"/>
      <c r="K881" s="262"/>
      <c r="L881" s="262"/>
      <c r="M881" s="262"/>
      <c r="N881" s="262"/>
      <c r="O881" s="262"/>
      <c r="P881" s="262"/>
      <c r="Q881" s="262"/>
      <c r="R881" s="262"/>
      <c r="S881" s="262"/>
      <c r="T881" s="262"/>
      <c r="U881" s="262"/>
      <c r="V881" s="262"/>
      <c r="W881" s="262"/>
      <c r="X881" s="262"/>
      <c r="Y881" s="262"/>
      <c r="Z881" s="262"/>
      <c r="AA881" s="262"/>
      <c r="AB881" s="262"/>
      <c r="AC881" s="262"/>
      <c r="AD881" s="262"/>
      <c r="AE881" s="262"/>
      <c r="AF881" s="262"/>
      <c r="AG881" s="262"/>
      <c r="AH881" s="262"/>
      <c r="AI881" s="262"/>
      <c r="AJ881" s="311"/>
      <c r="AK881" s="275"/>
      <c r="AL881" s="276"/>
    </row>
    <row r="882" spans="1:38" s="76" customFormat="1" ht="13.5" customHeight="1" thickBot="1">
      <c r="C882" s="307"/>
      <c r="D882" s="263"/>
      <c r="E882" s="263"/>
      <c r="F882" s="263"/>
      <c r="G882" s="263"/>
      <c r="H882" s="263"/>
      <c r="I882" s="263"/>
      <c r="J882" s="263"/>
      <c r="K882" s="263"/>
      <c r="L882" s="263"/>
      <c r="M882" s="263"/>
      <c r="N882" s="263"/>
      <c r="O882" s="263"/>
      <c r="P882" s="263"/>
      <c r="Q882" s="263"/>
      <c r="R882" s="263"/>
      <c r="S882" s="263"/>
      <c r="T882" s="263"/>
      <c r="U882" s="263"/>
      <c r="V882" s="263"/>
      <c r="W882" s="263"/>
      <c r="X882" s="263"/>
      <c r="Y882" s="263"/>
      <c r="Z882" s="263"/>
      <c r="AA882" s="263"/>
      <c r="AB882" s="263"/>
      <c r="AC882" s="263"/>
      <c r="AD882" s="263"/>
      <c r="AE882" s="263"/>
      <c r="AF882" s="263"/>
      <c r="AG882" s="263"/>
      <c r="AH882" s="263"/>
      <c r="AI882" s="263"/>
      <c r="AJ882" s="312"/>
      <c r="AK882" s="277"/>
      <c r="AL882" s="278"/>
    </row>
    <row r="883" spans="1:38" s="76" customFormat="1" ht="13.5" customHeight="1" thickTop="1">
      <c r="C883" s="307"/>
      <c r="D883" s="263"/>
      <c r="E883" s="263"/>
      <c r="F883" s="263"/>
      <c r="G883" s="263"/>
      <c r="H883" s="263"/>
      <c r="I883" s="263"/>
      <c r="J883" s="263"/>
      <c r="K883" s="263"/>
      <c r="L883" s="263"/>
      <c r="M883" s="263"/>
      <c r="N883" s="263"/>
      <c r="O883" s="263"/>
      <c r="P883" s="263"/>
      <c r="Q883" s="263"/>
      <c r="R883" s="263"/>
      <c r="S883" s="263"/>
      <c r="T883" s="263"/>
      <c r="U883" s="263"/>
      <c r="V883" s="263"/>
      <c r="W883" s="263"/>
      <c r="X883" s="263"/>
      <c r="Y883" s="263"/>
      <c r="Z883" s="263"/>
      <c r="AA883" s="263"/>
      <c r="AB883" s="263"/>
      <c r="AC883" s="263"/>
      <c r="AD883" s="263"/>
      <c r="AE883" s="263"/>
      <c r="AF883" s="263"/>
      <c r="AG883" s="263"/>
      <c r="AH883" s="263"/>
      <c r="AI883" s="263"/>
      <c r="AJ883" s="263"/>
      <c r="AK883" s="137"/>
      <c r="AL883" s="162"/>
    </row>
    <row r="884" spans="1:38" s="76" customFormat="1" ht="13.5" customHeight="1">
      <c r="C884" s="308"/>
      <c r="D884" s="284"/>
      <c r="E884" s="284"/>
      <c r="F884" s="284"/>
      <c r="G884" s="284"/>
      <c r="H884" s="284"/>
      <c r="I884" s="284"/>
      <c r="J884" s="284"/>
      <c r="K884" s="284"/>
      <c r="L884" s="284"/>
      <c r="M884" s="284"/>
      <c r="N884" s="284"/>
      <c r="O884" s="284"/>
      <c r="P884" s="284"/>
      <c r="Q884" s="284"/>
      <c r="R884" s="284"/>
      <c r="S884" s="284"/>
      <c r="T884" s="284"/>
      <c r="U884" s="284"/>
      <c r="V884" s="284"/>
      <c r="W884" s="284"/>
      <c r="X884" s="284"/>
      <c r="Y884" s="284"/>
      <c r="Z884" s="284"/>
      <c r="AA884" s="284"/>
      <c r="AB884" s="284"/>
      <c r="AC884" s="284"/>
      <c r="AD884" s="284"/>
      <c r="AE884" s="284"/>
      <c r="AF884" s="284"/>
      <c r="AG884" s="284"/>
      <c r="AH884" s="284"/>
      <c r="AI884" s="284"/>
      <c r="AJ884" s="284"/>
      <c r="AK884" s="138"/>
      <c r="AL884" s="126"/>
    </row>
    <row r="885" spans="1:38" s="76" customFormat="1" ht="13.5" customHeight="1">
      <c r="C885" s="195" t="s">
        <v>59</v>
      </c>
      <c r="D885" s="261" t="s">
        <v>374</v>
      </c>
      <c r="E885" s="261"/>
      <c r="F885" s="261"/>
      <c r="G885" s="261"/>
      <c r="H885" s="261"/>
      <c r="I885" s="261"/>
      <c r="J885" s="261"/>
      <c r="K885" s="261"/>
      <c r="L885" s="261"/>
      <c r="M885" s="261"/>
      <c r="N885" s="261"/>
      <c r="O885" s="261"/>
      <c r="P885" s="261"/>
      <c r="Q885" s="261"/>
      <c r="R885" s="261"/>
      <c r="S885" s="261"/>
      <c r="T885" s="261"/>
      <c r="U885" s="261"/>
      <c r="V885" s="261"/>
      <c r="W885" s="261"/>
      <c r="X885" s="261"/>
      <c r="Y885" s="261"/>
      <c r="Z885" s="261"/>
      <c r="AA885" s="261"/>
      <c r="AB885" s="261"/>
      <c r="AC885" s="261"/>
      <c r="AD885" s="261"/>
      <c r="AE885" s="261"/>
      <c r="AF885" s="261"/>
      <c r="AG885" s="261"/>
      <c r="AH885" s="261"/>
      <c r="AI885" s="261"/>
      <c r="AJ885" s="261"/>
      <c r="AK885" s="96"/>
      <c r="AL885" s="96"/>
    </row>
    <row r="886" spans="1:38" s="76" customFormat="1" ht="13.5" customHeight="1">
      <c r="C886" s="195"/>
      <c r="D886" s="484"/>
      <c r="E886" s="484"/>
      <c r="F886" s="484"/>
      <c r="G886" s="484"/>
      <c r="H886" s="484"/>
      <c r="I886" s="484"/>
      <c r="J886" s="484"/>
      <c r="K886" s="484"/>
      <c r="L886" s="484"/>
      <c r="M886" s="484"/>
      <c r="N886" s="484"/>
      <c r="O886" s="484"/>
      <c r="P886" s="484"/>
      <c r="Q886" s="484"/>
      <c r="R886" s="484"/>
      <c r="S886" s="484"/>
      <c r="T886" s="484"/>
      <c r="U886" s="484"/>
      <c r="V886" s="484"/>
      <c r="W886" s="484"/>
      <c r="X886" s="484"/>
      <c r="Y886" s="484"/>
      <c r="Z886" s="484"/>
      <c r="AA886" s="484"/>
      <c r="AB886" s="484"/>
      <c r="AC886" s="484"/>
      <c r="AD886" s="484"/>
      <c r="AE886" s="484"/>
      <c r="AF886" s="484"/>
      <c r="AG886" s="484"/>
      <c r="AH886" s="484"/>
      <c r="AI886" s="484"/>
      <c r="AJ886" s="484"/>
    </row>
    <row r="887" spans="1:38" s="76" customFormat="1" ht="13.5" customHeight="1">
      <c r="C887" s="195" t="s">
        <v>59</v>
      </c>
      <c r="D887" s="484" t="s">
        <v>375</v>
      </c>
      <c r="E887" s="484"/>
      <c r="F887" s="484"/>
      <c r="G887" s="484"/>
      <c r="H887" s="484"/>
      <c r="I887" s="484"/>
      <c r="J887" s="484"/>
      <c r="K887" s="484"/>
      <c r="L887" s="484"/>
      <c r="M887" s="484"/>
      <c r="N887" s="484"/>
      <c r="O887" s="484"/>
      <c r="P887" s="484"/>
      <c r="Q887" s="484"/>
      <c r="R887" s="484"/>
      <c r="S887" s="484"/>
      <c r="T887" s="484"/>
      <c r="U887" s="484"/>
      <c r="V887" s="484"/>
      <c r="W887" s="484"/>
      <c r="X887" s="484"/>
      <c r="Y887" s="484"/>
      <c r="Z887" s="484"/>
      <c r="AA887" s="484"/>
      <c r="AB887" s="484"/>
      <c r="AC887" s="484"/>
      <c r="AD887" s="484"/>
      <c r="AE887" s="484"/>
      <c r="AF887" s="484"/>
      <c r="AG887" s="484"/>
      <c r="AH887" s="484"/>
      <c r="AI887" s="484"/>
      <c r="AJ887" s="484"/>
    </row>
    <row r="888" spans="1:38" s="76" customFormat="1" ht="13.5" customHeight="1">
      <c r="C888" s="195"/>
      <c r="D888" s="484"/>
      <c r="E888" s="484"/>
      <c r="F888" s="484"/>
      <c r="G888" s="484"/>
      <c r="H888" s="484"/>
      <c r="I888" s="484"/>
      <c r="J888" s="484"/>
      <c r="K888" s="484"/>
      <c r="L888" s="484"/>
      <c r="M888" s="484"/>
      <c r="N888" s="484"/>
      <c r="O888" s="484"/>
      <c r="P888" s="484"/>
      <c r="Q888" s="484"/>
      <c r="R888" s="484"/>
      <c r="S888" s="484"/>
      <c r="T888" s="484"/>
      <c r="U888" s="484"/>
      <c r="V888" s="484"/>
      <c r="W888" s="484"/>
      <c r="X888" s="484"/>
      <c r="Y888" s="484"/>
      <c r="Z888" s="484"/>
      <c r="AA888" s="484"/>
      <c r="AB888" s="484"/>
      <c r="AC888" s="484"/>
      <c r="AD888" s="484"/>
      <c r="AE888" s="484"/>
      <c r="AF888" s="484"/>
      <c r="AG888" s="484"/>
      <c r="AH888" s="484"/>
      <c r="AI888" s="484"/>
      <c r="AJ888" s="484"/>
    </row>
    <row r="889" spans="1:38" s="76" customFormat="1" ht="13.5" customHeight="1">
      <c r="C889" s="195"/>
      <c r="D889" s="484"/>
      <c r="E889" s="484"/>
      <c r="F889" s="484"/>
      <c r="G889" s="484"/>
      <c r="H889" s="484"/>
      <c r="I889" s="484"/>
      <c r="J889" s="484"/>
      <c r="K889" s="484"/>
      <c r="L889" s="484"/>
      <c r="M889" s="484"/>
      <c r="N889" s="484"/>
      <c r="O889" s="484"/>
      <c r="P889" s="484"/>
      <c r="Q889" s="484"/>
      <c r="R889" s="484"/>
      <c r="S889" s="484"/>
      <c r="T889" s="484"/>
      <c r="U889" s="484"/>
      <c r="V889" s="484"/>
      <c r="W889" s="484"/>
      <c r="X889" s="484"/>
      <c r="Y889" s="484"/>
      <c r="Z889" s="484"/>
      <c r="AA889" s="484"/>
      <c r="AB889" s="484"/>
      <c r="AC889" s="484"/>
      <c r="AD889" s="484"/>
      <c r="AE889" s="484"/>
      <c r="AF889" s="484"/>
      <c r="AG889" s="484"/>
      <c r="AH889" s="484"/>
      <c r="AI889" s="484"/>
      <c r="AJ889" s="484"/>
    </row>
    <row r="890" spans="1:38" s="76" customFormat="1" ht="13.5" customHeight="1">
      <c r="C890" s="195" t="s">
        <v>59</v>
      </c>
      <c r="D890" s="484" t="s">
        <v>324</v>
      </c>
      <c r="E890" s="484"/>
      <c r="F890" s="484"/>
      <c r="G890" s="484"/>
      <c r="H890" s="484"/>
      <c r="I890" s="484"/>
      <c r="J890" s="484"/>
      <c r="K890" s="484"/>
      <c r="L890" s="484"/>
      <c r="M890" s="484"/>
      <c r="N890" s="484"/>
      <c r="O890" s="484"/>
      <c r="P890" s="484"/>
      <c r="Q890" s="484"/>
      <c r="R890" s="484"/>
      <c r="S890" s="484"/>
      <c r="T890" s="484"/>
      <c r="U890" s="484"/>
      <c r="V890" s="484"/>
      <c r="W890" s="484"/>
      <c r="X890" s="484"/>
      <c r="Y890" s="484"/>
      <c r="Z890" s="484"/>
      <c r="AA890" s="484"/>
      <c r="AB890" s="484"/>
      <c r="AC890" s="484"/>
      <c r="AD890" s="484"/>
      <c r="AE890" s="484"/>
      <c r="AF890" s="484"/>
      <c r="AG890" s="484"/>
      <c r="AH890" s="484"/>
      <c r="AI890" s="484"/>
      <c r="AJ890" s="484"/>
    </row>
    <row r="891" spans="1:38" s="76" customFormat="1" ht="13.5" customHeight="1">
      <c r="C891" s="195"/>
      <c r="D891" s="484"/>
      <c r="E891" s="484"/>
      <c r="F891" s="484"/>
      <c r="G891" s="484"/>
      <c r="H891" s="484"/>
      <c r="I891" s="484"/>
      <c r="J891" s="484"/>
      <c r="K891" s="484"/>
      <c r="L891" s="484"/>
      <c r="M891" s="484"/>
      <c r="N891" s="484"/>
      <c r="O891" s="484"/>
      <c r="P891" s="484"/>
      <c r="Q891" s="484"/>
      <c r="R891" s="484"/>
      <c r="S891" s="484"/>
      <c r="T891" s="484"/>
      <c r="U891" s="484"/>
      <c r="V891" s="484"/>
      <c r="W891" s="484"/>
      <c r="X891" s="484"/>
      <c r="Y891" s="484"/>
      <c r="Z891" s="484"/>
      <c r="AA891" s="484"/>
      <c r="AB891" s="484"/>
      <c r="AC891" s="484"/>
      <c r="AD891" s="484"/>
      <c r="AE891" s="484"/>
      <c r="AF891" s="484"/>
      <c r="AG891" s="484"/>
      <c r="AH891" s="484"/>
      <c r="AI891" s="484"/>
      <c r="AJ891" s="484"/>
    </row>
    <row r="892" spans="1:38" s="76" customFormat="1" ht="13.5" customHeight="1">
      <c r="C892" s="195" t="s">
        <v>59</v>
      </c>
      <c r="D892" s="484" t="s">
        <v>425</v>
      </c>
      <c r="E892" s="484"/>
      <c r="F892" s="484"/>
      <c r="G892" s="484"/>
      <c r="H892" s="484"/>
      <c r="I892" s="484"/>
      <c r="J892" s="484"/>
      <c r="K892" s="484"/>
      <c r="L892" s="484"/>
      <c r="M892" s="484"/>
      <c r="N892" s="484"/>
      <c r="O892" s="484"/>
      <c r="P892" s="484"/>
      <c r="Q892" s="484"/>
      <c r="R892" s="484"/>
      <c r="S892" s="484"/>
      <c r="T892" s="484"/>
      <c r="U892" s="484"/>
      <c r="V892" s="484"/>
      <c r="W892" s="484"/>
      <c r="X892" s="484"/>
      <c r="Y892" s="484"/>
      <c r="Z892" s="484"/>
      <c r="AA892" s="484"/>
      <c r="AB892" s="484"/>
      <c r="AC892" s="484"/>
      <c r="AD892" s="484"/>
      <c r="AE892" s="484"/>
      <c r="AF892" s="484"/>
      <c r="AG892" s="484"/>
      <c r="AH892" s="484"/>
      <c r="AI892" s="484"/>
      <c r="AJ892" s="484"/>
    </row>
    <row r="893" spans="1:38" s="76" customFormat="1" ht="13.5" customHeight="1">
      <c r="C893" s="195"/>
      <c r="D893" s="484"/>
      <c r="E893" s="484"/>
      <c r="F893" s="484"/>
      <c r="G893" s="484"/>
      <c r="H893" s="484"/>
      <c r="I893" s="484"/>
      <c r="J893" s="484"/>
      <c r="K893" s="484"/>
      <c r="L893" s="484"/>
      <c r="M893" s="484"/>
      <c r="N893" s="484"/>
      <c r="O893" s="484"/>
      <c r="P893" s="484"/>
      <c r="Q893" s="484"/>
      <c r="R893" s="484"/>
      <c r="S893" s="484"/>
      <c r="T893" s="484"/>
      <c r="U893" s="484"/>
      <c r="V893" s="484"/>
      <c r="W893" s="484"/>
      <c r="X893" s="484"/>
      <c r="Y893" s="484"/>
      <c r="Z893" s="484"/>
      <c r="AA893" s="484"/>
      <c r="AB893" s="484"/>
      <c r="AC893" s="484"/>
      <c r="AD893" s="484"/>
      <c r="AE893" s="484"/>
      <c r="AF893" s="484"/>
      <c r="AG893" s="484"/>
      <c r="AH893" s="484"/>
      <c r="AI893" s="484"/>
      <c r="AJ893" s="484"/>
    </row>
    <row r="894" spans="1:38" s="76" customFormat="1" ht="13.5" customHeight="1">
      <c r="C894" s="195"/>
      <c r="D894" s="484"/>
      <c r="E894" s="484"/>
      <c r="F894" s="484"/>
      <c r="G894" s="484"/>
      <c r="H894" s="484"/>
      <c r="I894" s="484"/>
      <c r="J894" s="484"/>
      <c r="K894" s="484"/>
      <c r="L894" s="484"/>
      <c r="M894" s="484"/>
      <c r="N894" s="484"/>
      <c r="O894" s="484"/>
      <c r="P894" s="484"/>
      <c r="Q894" s="484"/>
      <c r="R894" s="484"/>
      <c r="S894" s="484"/>
      <c r="T894" s="484"/>
      <c r="U894" s="484"/>
      <c r="V894" s="484"/>
      <c r="W894" s="484"/>
      <c r="X894" s="484"/>
      <c r="Y894" s="484"/>
      <c r="Z894" s="484"/>
      <c r="AA894" s="484"/>
      <c r="AB894" s="484"/>
      <c r="AC894" s="484"/>
      <c r="AD894" s="484"/>
      <c r="AE894" s="484"/>
      <c r="AF894" s="484"/>
      <c r="AG894" s="484"/>
      <c r="AH894" s="484"/>
      <c r="AI894" s="484"/>
      <c r="AJ894" s="484"/>
    </row>
    <row r="895" spans="1:38" s="76" customFormat="1" ht="13.5" customHeight="1">
      <c r="A895" s="194"/>
      <c r="B895" s="194"/>
      <c r="C895" s="196"/>
      <c r="D895" s="196"/>
      <c r="E895" s="196"/>
      <c r="F895" s="196"/>
      <c r="G895" s="196"/>
      <c r="H895" s="196"/>
      <c r="I895" s="196"/>
      <c r="J895" s="196"/>
      <c r="K895" s="196"/>
      <c r="L895" s="196"/>
      <c r="M895" s="196"/>
      <c r="N895" s="196"/>
      <c r="O895" s="196"/>
      <c r="P895" s="196"/>
      <c r="Q895" s="196"/>
      <c r="R895" s="196"/>
      <c r="S895" s="196"/>
      <c r="T895" s="196"/>
      <c r="U895" s="196"/>
      <c r="V895" s="196"/>
      <c r="W895" s="196"/>
      <c r="X895" s="196"/>
      <c r="Y895" s="196"/>
      <c r="Z895" s="196"/>
      <c r="AA895" s="196"/>
      <c r="AB895" s="196"/>
      <c r="AC895" s="196"/>
      <c r="AD895" s="196"/>
      <c r="AE895" s="196"/>
      <c r="AF895" s="196"/>
      <c r="AG895" s="196"/>
      <c r="AH895" s="196"/>
      <c r="AI895" s="196"/>
      <c r="AJ895" s="196"/>
      <c r="AK895" s="75"/>
      <c r="AL895" s="75"/>
    </row>
    <row r="896" spans="1:38" s="76" customFormat="1" ht="13.5" customHeight="1">
      <c r="A896" s="127" t="s">
        <v>325</v>
      </c>
    </row>
    <row r="897" spans="1:38" s="76" customFormat="1" ht="13.5" customHeight="1" thickBot="1">
      <c r="A897" s="195" t="s">
        <v>415</v>
      </c>
    </row>
    <row r="898" spans="1:38" s="76" customFormat="1" ht="13.5" customHeight="1" thickTop="1">
      <c r="A898" s="266">
        <v>98</v>
      </c>
      <c r="B898" s="302"/>
      <c r="C898" s="270" t="s">
        <v>573</v>
      </c>
      <c r="D898" s="271"/>
      <c r="E898" s="271"/>
      <c r="F898" s="271"/>
      <c r="G898" s="271"/>
      <c r="H898" s="271"/>
      <c r="I898" s="271"/>
      <c r="J898" s="271"/>
      <c r="K898" s="271"/>
      <c r="L898" s="271"/>
      <c r="M898" s="271"/>
      <c r="N898" s="271"/>
      <c r="O898" s="271"/>
      <c r="P898" s="271"/>
      <c r="Q898" s="271"/>
      <c r="R898" s="271"/>
      <c r="S898" s="271"/>
      <c r="T898" s="271"/>
      <c r="U898" s="271"/>
      <c r="V898" s="271"/>
      <c r="W898" s="271"/>
      <c r="X898" s="271"/>
      <c r="Y898" s="271"/>
      <c r="Z898" s="271"/>
      <c r="AA898" s="271"/>
      <c r="AB898" s="271"/>
      <c r="AC898" s="271"/>
      <c r="AD898" s="271"/>
      <c r="AE898" s="271"/>
      <c r="AF898" s="271"/>
      <c r="AG898" s="271"/>
      <c r="AH898" s="271"/>
      <c r="AI898" s="271"/>
      <c r="AJ898" s="271"/>
      <c r="AK898" s="275"/>
      <c r="AL898" s="276"/>
    </row>
    <row r="899" spans="1:38" s="76" customFormat="1" ht="13.5" customHeight="1" thickBot="1">
      <c r="A899" s="268"/>
      <c r="B899" s="303"/>
      <c r="C899" s="272"/>
      <c r="D899" s="263"/>
      <c r="E899" s="263"/>
      <c r="F899" s="263"/>
      <c r="G899" s="263"/>
      <c r="H899" s="263"/>
      <c r="I899" s="263"/>
      <c r="J899" s="263"/>
      <c r="K899" s="263"/>
      <c r="L899" s="263"/>
      <c r="M899" s="263"/>
      <c r="N899" s="263"/>
      <c r="O899" s="263"/>
      <c r="P899" s="263"/>
      <c r="Q899" s="263"/>
      <c r="R899" s="263"/>
      <c r="S899" s="263"/>
      <c r="T899" s="263"/>
      <c r="U899" s="263"/>
      <c r="V899" s="263"/>
      <c r="W899" s="263"/>
      <c r="X899" s="263"/>
      <c r="Y899" s="263"/>
      <c r="Z899" s="263"/>
      <c r="AA899" s="263"/>
      <c r="AB899" s="263"/>
      <c r="AC899" s="263"/>
      <c r="AD899" s="263"/>
      <c r="AE899" s="263"/>
      <c r="AF899" s="263"/>
      <c r="AG899" s="263"/>
      <c r="AH899" s="263"/>
      <c r="AI899" s="263"/>
      <c r="AJ899" s="263"/>
      <c r="AK899" s="277"/>
      <c r="AL899" s="278"/>
    </row>
    <row r="900" spans="1:38" s="76" customFormat="1" ht="13.5" customHeight="1" thickTop="1">
      <c r="A900" s="125"/>
      <c r="B900" s="125"/>
      <c r="C900" s="272"/>
      <c r="D900" s="263"/>
      <c r="E900" s="263"/>
      <c r="F900" s="263"/>
      <c r="G900" s="263"/>
      <c r="H900" s="263"/>
      <c r="I900" s="263"/>
      <c r="J900" s="263"/>
      <c r="K900" s="263"/>
      <c r="L900" s="263"/>
      <c r="M900" s="263"/>
      <c r="N900" s="263"/>
      <c r="O900" s="263"/>
      <c r="P900" s="263"/>
      <c r="Q900" s="263"/>
      <c r="R900" s="263"/>
      <c r="S900" s="263"/>
      <c r="T900" s="263"/>
      <c r="U900" s="263"/>
      <c r="V900" s="263"/>
      <c r="W900" s="263"/>
      <c r="X900" s="263"/>
      <c r="Y900" s="263"/>
      <c r="Z900" s="263"/>
      <c r="AA900" s="263"/>
      <c r="AB900" s="263"/>
      <c r="AC900" s="263"/>
      <c r="AD900" s="263"/>
      <c r="AE900" s="263"/>
      <c r="AF900" s="263"/>
      <c r="AG900" s="263"/>
      <c r="AH900" s="263"/>
      <c r="AI900" s="263"/>
      <c r="AJ900" s="263"/>
      <c r="AK900" s="130"/>
      <c r="AL900" s="126"/>
    </row>
    <row r="901" spans="1:38" s="76" customFormat="1" ht="13.5" customHeight="1">
      <c r="A901" s="194"/>
      <c r="B901" s="194"/>
      <c r="C901" s="273"/>
      <c r="D901" s="274"/>
      <c r="E901" s="274"/>
      <c r="F901" s="274"/>
      <c r="G901" s="274"/>
      <c r="H901" s="274"/>
      <c r="I901" s="274"/>
      <c r="J901" s="274"/>
      <c r="K901" s="274"/>
      <c r="L901" s="274"/>
      <c r="M901" s="274"/>
      <c r="N901" s="274"/>
      <c r="O901" s="274"/>
      <c r="P901" s="274"/>
      <c r="Q901" s="274"/>
      <c r="R901" s="274"/>
      <c r="S901" s="274"/>
      <c r="T901" s="274"/>
      <c r="U901" s="274"/>
      <c r="V901" s="274"/>
      <c r="W901" s="274"/>
      <c r="X901" s="274"/>
      <c r="Y901" s="274"/>
      <c r="Z901" s="274"/>
      <c r="AA901" s="274"/>
      <c r="AB901" s="274"/>
      <c r="AC901" s="274"/>
      <c r="AD901" s="274"/>
      <c r="AE901" s="274"/>
      <c r="AF901" s="274"/>
      <c r="AG901" s="274"/>
      <c r="AH901" s="274"/>
      <c r="AI901" s="274"/>
      <c r="AJ901" s="314"/>
      <c r="AK901" s="75"/>
      <c r="AL901" s="75"/>
    </row>
    <row r="902" spans="1:38" s="76" customFormat="1" ht="13.5" customHeight="1" thickBot="1"/>
    <row r="903" spans="1:38" s="76" customFormat="1" ht="13.5" customHeight="1" thickTop="1">
      <c r="A903" s="266">
        <v>99</v>
      </c>
      <c r="B903" s="302"/>
      <c r="C903" s="270" t="s">
        <v>574</v>
      </c>
      <c r="D903" s="271"/>
      <c r="E903" s="271"/>
      <c r="F903" s="271"/>
      <c r="G903" s="271"/>
      <c r="H903" s="271"/>
      <c r="I903" s="271"/>
      <c r="J903" s="271"/>
      <c r="K903" s="271"/>
      <c r="L903" s="271"/>
      <c r="M903" s="271"/>
      <c r="N903" s="271"/>
      <c r="O903" s="271"/>
      <c r="P903" s="271"/>
      <c r="Q903" s="271"/>
      <c r="R903" s="271"/>
      <c r="S903" s="271"/>
      <c r="T903" s="271"/>
      <c r="U903" s="271"/>
      <c r="V903" s="271"/>
      <c r="W903" s="271"/>
      <c r="X903" s="271"/>
      <c r="Y903" s="271"/>
      <c r="Z903" s="271"/>
      <c r="AA903" s="271"/>
      <c r="AB903" s="271"/>
      <c r="AC903" s="271"/>
      <c r="AD903" s="271"/>
      <c r="AE903" s="271"/>
      <c r="AF903" s="271"/>
      <c r="AG903" s="271"/>
      <c r="AH903" s="271"/>
      <c r="AI903" s="271"/>
      <c r="AJ903" s="279"/>
      <c r="AK903" s="275"/>
      <c r="AL903" s="276"/>
    </row>
    <row r="904" spans="1:38" s="76" customFormat="1" ht="13.5" customHeight="1" thickBot="1">
      <c r="A904" s="268"/>
      <c r="B904" s="303"/>
      <c r="C904" s="273"/>
      <c r="D904" s="274"/>
      <c r="E904" s="274"/>
      <c r="F904" s="274"/>
      <c r="G904" s="274"/>
      <c r="H904" s="274"/>
      <c r="I904" s="274"/>
      <c r="J904" s="274"/>
      <c r="K904" s="274"/>
      <c r="L904" s="274"/>
      <c r="M904" s="274"/>
      <c r="N904" s="274"/>
      <c r="O904" s="274"/>
      <c r="P904" s="274"/>
      <c r="Q904" s="274"/>
      <c r="R904" s="274"/>
      <c r="S904" s="274"/>
      <c r="T904" s="274"/>
      <c r="U904" s="274"/>
      <c r="V904" s="274"/>
      <c r="W904" s="274"/>
      <c r="X904" s="274"/>
      <c r="Y904" s="274"/>
      <c r="Z904" s="274"/>
      <c r="AA904" s="274"/>
      <c r="AB904" s="274"/>
      <c r="AC904" s="274"/>
      <c r="AD904" s="274"/>
      <c r="AE904" s="274"/>
      <c r="AF904" s="274"/>
      <c r="AG904" s="274"/>
      <c r="AH904" s="274"/>
      <c r="AI904" s="274"/>
      <c r="AJ904" s="280"/>
      <c r="AK904" s="277"/>
      <c r="AL904" s="278"/>
    </row>
    <row r="905" spans="1:38" s="76" customFormat="1" ht="14" thickTop="1" thickBot="1">
      <c r="C905" s="76" t="s">
        <v>326</v>
      </c>
    </row>
    <row r="906" spans="1:38" s="76" customFormat="1" thickTop="1">
      <c r="B906" s="148"/>
      <c r="C906" s="306" t="s">
        <v>327</v>
      </c>
      <c r="D906" s="262"/>
      <c r="E906" s="262"/>
      <c r="F906" s="262"/>
      <c r="G906" s="262"/>
      <c r="H906" s="262"/>
      <c r="I906" s="262"/>
      <c r="J906" s="262"/>
      <c r="K906" s="262"/>
      <c r="L906" s="262"/>
      <c r="M906" s="262"/>
      <c r="N906" s="262"/>
      <c r="O906" s="262"/>
      <c r="P906" s="262"/>
      <c r="Q906" s="262"/>
      <c r="R906" s="262"/>
      <c r="S906" s="262"/>
      <c r="T906" s="262"/>
      <c r="U906" s="262"/>
      <c r="V906" s="262"/>
      <c r="W906" s="262"/>
      <c r="X906" s="262"/>
      <c r="Y906" s="262"/>
      <c r="Z906" s="262"/>
      <c r="AA906" s="262"/>
      <c r="AB906" s="262"/>
      <c r="AC906" s="262"/>
      <c r="AD906" s="262"/>
      <c r="AE906" s="262"/>
      <c r="AF906" s="262"/>
      <c r="AG906" s="262"/>
      <c r="AH906" s="262"/>
      <c r="AI906" s="262"/>
      <c r="AJ906" s="311"/>
      <c r="AK906" s="275"/>
      <c r="AL906" s="276"/>
    </row>
    <row r="907" spans="1:38" s="76" customFormat="1" thickBot="1">
      <c r="B907" s="148"/>
      <c r="C907" s="308"/>
      <c r="D907" s="284"/>
      <c r="E907" s="284"/>
      <c r="F907" s="284"/>
      <c r="G907" s="284"/>
      <c r="H907" s="284"/>
      <c r="I907" s="284"/>
      <c r="J907" s="284"/>
      <c r="K907" s="284"/>
      <c r="L907" s="284"/>
      <c r="M907" s="284"/>
      <c r="N907" s="284"/>
      <c r="O907" s="284"/>
      <c r="P907" s="284"/>
      <c r="Q907" s="284"/>
      <c r="R907" s="284"/>
      <c r="S907" s="284"/>
      <c r="T907" s="284"/>
      <c r="U907" s="284"/>
      <c r="V907" s="284"/>
      <c r="W907" s="284"/>
      <c r="X907" s="284"/>
      <c r="Y907" s="284"/>
      <c r="Z907" s="284"/>
      <c r="AA907" s="284"/>
      <c r="AB907" s="284"/>
      <c r="AC907" s="284"/>
      <c r="AD907" s="284"/>
      <c r="AE907" s="284"/>
      <c r="AF907" s="284"/>
      <c r="AG907" s="284"/>
      <c r="AH907" s="284"/>
      <c r="AI907" s="284"/>
      <c r="AJ907" s="321"/>
      <c r="AK907" s="277"/>
      <c r="AL907" s="278"/>
    </row>
    <row r="908" spans="1:38" s="76" customFormat="1" thickTop="1">
      <c r="B908" s="148"/>
      <c r="C908" s="306" t="s">
        <v>328</v>
      </c>
      <c r="D908" s="262"/>
      <c r="E908" s="262"/>
      <c r="F908" s="262"/>
      <c r="G908" s="262"/>
      <c r="H908" s="262"/>
      <c r="I908" s="262"/>
      <c r="J908" s="262"/>
      <c r="K908" s="262"/>
      <c r="L908" s="262"/>
      <c r="M908" s="262"/>
      <c r="N908" s="262"/>
      <c r="O908" s="262"/>
      <c r="P908" s="262"/>
      <c r="Q908" s="262"/>
      <c r="R908" s="262"/>
      <c r="S908" s="262"/>
      <c r="T908" s="262"/>
      <c r="U908" s="262"/>
      <c r="V908" s="262"/>
      <c r="W908" s="262"/>
      <c r="X908" s="262"/>
      <c r="Y908" s="262"/>
      <c r="Z908" s="262"/>
      <c r="AA908" s="262"/>
      <c r="AB908" s="262"/>
      <c r="AC908" s="262"/>
      <c r="AD908" s="262"/>
      <c r="AE908" s="262"/>
      <c r="AF908" s="262"/>
      <c r="AG908" s="262"/>
      <c r="AH908" s="262"/>
      <c r="AI908" s="262"/>
      <c r="AJ908" s="311"/>
      <c r="AK908" s="275"/>
      <c r="AL908" s="276"/>
    </row>
    <row r="909" spans="1:38" s="76" customFormat="1" thickBot="1">
      <c r="B909" s="148"/>
      <c r="C909" s="308"/>
      <c r="D909" s="284"/>
      <c r="E909" s="284"/>
      <c r="F909" s="284"/>
      <c r="G909" s="284"/>
      <c r="H909" s="284"/>
      <c r="I909" s="284"/>
      <c r="J909" s="284"/>
      <c r="K909" s="284"/>
      <c r="L909" s="284"/>
      <c r="M909" s="284"/>
      <c r="N909" s="284"/>
      <c r="O909" s="284"/>
      <c r="P909" s="284"/>
      <c r="Q909" s="284"/>
      <c r="R909" s="284"/>
      <c r="S909" s="284"/>
      <c r="T909" s="284"/>
      <c r="U909" s="284"/>
      <c r="V909" s="284"/>
      <c r="W909" s="284"/>
      <c r="X909" s="284"/>
      <c r="Y909" s="284"/>
      <c r="Z909" s="284"/>
      <c r="AA909" s="284"/>
      <c r="AB909" s="284"/>
      <c r="AC909" s="284"/>
      <c r="AD909" s="284"/>
      <c r="AE909" s="284"/>
      <c r="AF909" s="284"/>
      <c r="AG909" s="284"/>
      <c r="AH909" s="284"/>
      <c r="AI909" s="284"/>
      <c r="AJ909" s="321"/>
      <c r="AK909" s="277"/>
      <c r="AL909" s="278"/>
    </row>
    <row r="910" spans="1:38" s="76" customFormat="1" thickTop="1">
      <c r="B910" s="148"/>
      <c r="C910" s="306" t="s">
        <v>329</v>
      </c>
      <c r="D910" s="262"/>
      <c r="E910" s="262"/>
      <c r="F910" s="262"/>
      <c r="G910" s="262"/>
      <c r="H910" s="262"/>
      <c r="I910" s="262"/>
      <c r="J910" s="262"/>
      <c r="K910" s="262"/>
      <c r="L910" s="262"/>
      <c r="M910" s="262"/>
      <c r="N910" s="262"/>
      <c r="O910" s="262"/>
      <c r="P910" s="262"/>
      <c r="Q910" s="262"/>
      <c r="R910" s="262"/>
      <c r="S910" s="262"/>
      <c r="T910" s="262"/>
      <c r="U910" s="262"/>
      <c r="V910" s="262"/>
      <c r="W910" s="262"/>
      <c r="X910" s="262"/>
      <c r="Y910" s="262"/>
      <c r="Z910" s="262"/>
      <c r="AA910" s="262"/>
      <c r="AB910" s="262"/>
      <c r="AC910" s="262"/>
      <c r="AD910" s="262"/>
      <c r="AE910" s="262"/>
      <c r="AF910" s="262"/>
      <c r="AG910" s="262"/>
      <c r="AH910" s="262"/>
      <c r="AI910" s="262"/>
      <c r="AJ910" s="311"/>
      <c r="AK910" s="275"/>
      <c r="AL910" s="276"/>
    </row>
    <row r="911" spans="1:38" s="76" customFormat="1" thickBot="1">
      <c r="B911" s="148"/>
      <c r="C911" s="308"/>
      <c r="D911" s="284"/>
      <c r="E911" s="284"/>
      <c r="F911" s="284"/>
      <c r="G911" s="284"/>
      <c r="H911" s="284"/>
      <c r="I911" s="284"/>
      <c r="J911" s="284"/>
      <c r="K911" s="284"/>
      <c r="L911" s="284"/>
      <c r="M911" s="284"/>
      <c r="N911" s="284"/>
      <c r="O911" s="284"/>
      <c r="P911" s="284"/>
      <c r="Q911" s="284"/>
      <c r="R911" s="284"/>
      <c r="S911" s="284"/>
      <c r="T911" s="284"/>
      <c r="U911" s="284"/>
      <c r="V911" s="284"/>
      <c r="W911" s="284"/>
      <c r="X911" s="284"/>
      <c r="Y911" s="284"/>
      <c r="Z911" s="284"/>
      <c r="AA911" s="284"/>
      <c r="AB911" s="284"/>
      <c r="AC911" s="284"/>
      <c r="AD911" s="284"/>
      <c r="AE911" s="284"/>
      <c r="AF911" s="284"/>
      <c r="AG911" s="284"/>
      <c r="AH911" s="284"/>
      <c r="AI911" s="284"/>
      <c r="AJ911" s="321"/>
      <c r="AK911" s="277"/>
      <c r="AL911" s="278"/>
    </row>
    <row r="912" spans="1:38" s="76" customFormat="1" ht="13.5" customHeight="1" thickTop="1">
      <c r="C912" s="76" t="s">
        <v>59</v>
      </c>
      <c r="D912" s="567" t="s">
        <v>330</v>
      </c>
      <c r="E912" s="567"/>
      <c r="F912" s="567"/>
      <c r="G912" s="567"/>
      <c r="H912" s="567"/>
      <c r="I912" s="567"/>
      <c r="J912" s="567"/>
      <c r="K912" s="567"/>
      <c r="L912" s="567"/>
      <c r="M912" s="567"/>
      <c r="N912" s="567"/>
      <c r="O912" s="567"/>
      <c r="P912" s="567"/>
      <c r="Q912" s="567"/>
      <c r="R912" s="567"/>
      <c r="S912" s="567"/>
      <c r="T912" s="567"/>
      <c r="U912" s="567"/>
      <c r="V912" s="567"/>
      <c r="W912" s="567"/>
      <c r="X912" s="567"/>
      <c r="Y912" s="567"/>
      <c r="Z912" s="567"/>
      <c r="AA912" s="567"/>
      <c r="AB912" s="567"/>
      <c r="AC912" s="567"/>
      <c r="AD912" s="567"/>
      <c r="AE912" s="567"/>
      <c r="AF912" s="567"/>
      <c r="AG912" s="567"/>
      <c r="AH912" s="567"/>
      <c r="AI912" s="567"/>
      <c r="AJ912" s="567"/>
    </row>
    <row r="913" spans="1:38" s="76" customFormat="1" ht="13">
      <c r="C913" s="196"/>
      <c r="D913" s="568"/>
      <c r="E913" s="568"/>
      <c r="F913" s="568"/>
      <c r="G913" s="568"/>
      <c r="H913" s="568"/>
      <c r="I913" s="568"/>
      <c r="J913" s="568"/>
      <c r="K913" s="568"/>
      <c r="L913" s="568"/>
      <c r="M913" s="568"/>
      <c r="N913" s="568"/>
      <c r="O913" s="568"/>
      <c r="P913" s="568"/>
      <c r="Q913" s="568"/>
      <c r="R913" s="568"/>
      <c r="S913" s="568"/>
      <c r="T913" s="568"/>
      <c r="U913" s="568"/>
      <c r="V913" s="568"/>
      <c r="W913" s="568"/>
      <c r="X913" s="568"/>
      <c r="Y913" s="568"/>
      <c r="Z913" s="568"/>
      <c r="AA913" s="568"/>
      <c r="AB913" s="568"/>
      <c r="AC913" s="568"/>
      <c r="AD913" s="568"/>
      <c r="AE913" s="568"/>
      <c r="AF913" s="568"/>
      <c r="AG913" s="568"/>
      <c r="AH913" s="568"/>
      <c r="AI913" s="568"/>
      <c r="AJ913" s="568"/>
      <c r="AK913" s="75"/>
      <c r="AL913" s="75"/>
    </row>
    <row r="914" spans="1:38" s="76" customFormat="1" ht="13">
      <c r="C914" s="196"/>
      <c r="D914" s="196"/>
      <c r="E914" s="196"/>
      <c r="F914" s="196"/>
      <c r="G914" s="196"/>
      <c r="H914" s="196"/>
      <c r="I914" s="196"/>
      <c r="J914" s="196"/>
      <c r="K914" s="196"/>
      <c r="L914" s="196"/>
      <c r="M914" s="196"/>
      <c r="N914" s="196"/>
      <c r="O914" s="196"/>
      <c r="P914" s="196"/>
      <c r="Q914" s="196"/>
      <c r="R914" s="196"/>
      <c r="S914" s="196"/>
      <c r="T914" s="196"/>
      <c r="U914" s="196"/>
      <c r="V914" s="196"/>
      <c r="W914" s="196"/>
      <c r="X914" s="196"/>
      <c r="Y914" s="196"/>
      <c r="Z914" s="196"/>
      <c r="AA914" s="196"/>
      <c r="AB914" s="196"/>
      <c r="AC914" s="196"/>
      <c r="AD914" s="196"/>
      <c r="AE914" s="196"/>
      <c r="AF914" s="196"/>
      <c r="AG914" s="196"/>
      <c r="AH914" s="196"/>
      <c r="AI914" s="196"/>
      <c r="AJ914" s="196"/>
      <c r="AK914" s="75"/>
      <c r="AL914" s="75"/>
    </row>
    <row r="915" spans="1:38" s="76" customFormat="1" thickBot="1">
      <c r="C915" s="76" t="s">
        <v>331</v>
      </c>
    </row>
    <row r="916" spans="1:38" s="76" customFormat="1" thickTop="1">
      <c r="B916" s="148"/>
      <c r="C916" s="306" t="s">
        <v>332</v>
      </c>
      <c r="D916" s="262"/>
      <c r="E916" s="262"/>
      <c r="F916" s="262"/>
      <c r="G916" s="262"/>
      <c r="H916" s="262"/>
      <c r="I916" s="262"/>
      <c r="J916" s="262"/>
      <c r="K916" s="262"/>
      <c r="L916" s="262"/>
      <c r="M916" s="262"/>
      <c r="N916" s="262"/>
      <c r="O916" s="262"/>
      <c r="P916" s="262"/>
      <c r="Q916" s="262"/>
      <c r="R916" s="262"/>
      <c r="S916" s="262"/>
      <c r="T916" s="262"/>
      <c r="U916" s="262"/>
      <c r="V916" s="262"/>
      <c r="W916" s="262"/>
      <c r="X916" s="262"/>
      <c r="Y916" s="262"/>
      <c r="Z916" s="262"/>
      <c r="AA916" s="262"/>
      <c r="AB916" s="262"/>
      <c r="AC916" s="262"/>
      <c r="AD916" s="262"/>
      <c r="AE916" s="262"/>
      <c r="AF916" s="262"/>
      <c r="AG916" s="262"/>
      <c r="AH916" s="262"/>
      <c r="AI916" s="262"/>
      <c r="AJ916" s="311"/>
      <c r="AK916" s="275"/>
      <c r="AL916" s="276"/>
    </row>
    <row r="917" spans="1:38" s="76" customFormat="1" thickBot="1">
      <c r="B917" s="148"/>
      <c r="C917" s="308"/>
      <c r="D917" s="284"/>
      <c r="E917" s="284"/>
      <c r="F917" s="284"/>
      <c r="G917" s="284"/>
      <c r="H917" s="284"/>
      <c r="I917" s="284"/>
      <c r="J917" s="284"/>
      <c r="K917" s="284"/>
      <c r="L917" s="284"/>
      <c r="M917" s="284"/>
      <c r="N917" s="284"/>
      <c r="O917" s="284"/>
      <c r="P917" s="284"/>
      <c r="Q917" s="284"/>
      <c r="R917" s="284"/>
      <c r="S917" s="284"/>
      <c r="T917" s="284"/>
      <c r="U917" s="284"/>
      <c r="V917" s="284"/>
      <c r="W917" s="284"/>
      <c r="X917" s="284"/>
      <c r="Y917" s="284"/>
      <c r="Z917" s="284"/>
      <c r="AA917" s="284"/>
      <c r="AB917" s="284"/>
      <c r="AC917" s="284"/>
      <c r="AD917" s="284"/>
      <c r="AE917" s="284"/>
      <c r="AF917" s="284"/>
      <c r="AG917" s="284"/>
      <c r="AH917" s="284"/>
      <c r="AI917" s="284"/>
      <c r="AJ917" s="321"/>
      <c r="AK917" s="277"/>
      <c r="AL917" s="278"/>
    </row>
    <row r="918" spans="1:38" s="76" customFormat="1" thickTop="1">
      <c r="B918" s="148"/>
      <c r="C918" s="306" t="s">
        <v>333</v>
      </c>
      <c r="D918" s="262"/>
      <c r="E918" s="262"/>
      <c r="F918" s="262"/>
      <c r="G918" s="262"/>
      <c r="H918" s="262"/>
      <c r="I918" s="262"/>
      <c r="J918" s="262"/>
      <c r="K918" s="262"/>
      <c r="L918" s="262"/>
      <c r="M918" s="262"/>
      <c r="N918" s="262"/>
      <c r="O918" s="262"/>
      <c r="P918" s="262"/>
      <c r="Q918" s="262"/>
      <c r="R918" s="262"/>
      <c r="S918" s="262"/>
      <c r="T918" s="262"/>
      <c r="U918" s="262"/>
      <c r="V918" s="262"/>
      <c r="W918" s="262"/>
      <c r="X918" s="262"/>
      <c r="Y918" s="262"/>
      <c r="Z918" s="262"/>
      <c r="AA918" s="262"/>
      <c r="AB918" s="262"/>
      <c r="AC918" s="262"/>
      <c r="AD918" s="262"/>
      <c r="AE918" s="262"/>
      <c r="AF918" s="262"/>
      <c r="AG918" s="262"/>
      <c r="AH918" s="262"/>
      <c r="AI918" s="262"/>
      <c r="AJ918" s="311"/>
      <c r="AK918" s="275"/>
      <c r="AL918" s="276"/>
    </row>
    <row r="919" spans="1:38" s="76" customFormat="1" thickBot="1">
      <c r="B919" s="148"/>
      <c r="C919" s="308"/>
      <c r="D919" s="284"/>
      <c r="E919" s="284"/>
      <c r="F919" s="284"/>
      <c r="G919" s="284"/>
      <c r="H919" s="284"/>
      <c r="I919" s="284"/>
      <c r="J919" s="284"/>
      <c r="K919" s="284"/>
      <c r="L919" s="284"/>
      <c r="M919" s="284"/>
      <c r="N919" s="284"/>
      <c r="O919" s="284"/>
      <c r="P919" s="284"/>
      <c r="Q919" s="284"/>
      <c r="R919" s="284"/>
      <c r="S919" s="284"/>
      <c r="T919" s="284"/>
      <c r="U919" s="284"/>
      <c r="V919" s="284"/>
      <c r="W919" s="284"/>
      <c r="X919" s="284"/>
      <c r="Y919" s="284"/>
      <c r="Z919" s="284"/>
      <c r="AA919" s="284"/>
      <c r="AB919" s="284"/>
      <c r="AC919" s="284"/>
      <c r="AD919" s="284"/>
      <c r="AE919" s="284"/>
      <c r="AF919" s="284"/>
      <c r="AG919" s="284"/>
      <c r="AH919" s="284"/>
      <c r="AI919" s="284"/>
      <c r="AJ919" s="321"/>
      <c r="AK919" s="277"/>
      <c r="AL919" s="278"/>
    </row>
    <row r="920" spans="1:38" s="76" customFormat="1" thickTop="1">
      <c r="B920" s="148"/>
      <c r="C920" s="306" t="s">
        <v>334</v>
      </c>
      <c r="D920" s="262"/>
      <c r="E920" s="262"/>
      <c r="F920" s="262"/>
      <c r="G920" s="262"/>
      <c r="H920" s="262"/>
      <c r="I920" s="262"/>
      <c r="J920" s="262"/>
      <c r="K920" s="262"/>
      <c r="L920" s="262"/>
      <c r="M920" s="262"/>
      <c r="N920" s="262"/>
      <c r="O920" s="262"/>
      <c r="P920" s="262"/>
      <c r="Q920" s="262"/>
      <c r="R920" s="262"/>
      <c r="S920" s="262"/>
      <c r="T920" s="262"/>
      <c r="U920" s="262"/>
      <c r="V920" s="262"/>
      <c r="W920" s="262"/>
      <c r="X920" s="262"/>
      <c r="Y920" s="262"/>
      <c r="Z920" s="262"/>
      <c r="AA920" s="262"/>
      <c r="AB920" s="262"/>
      <c r="AC920" s="262"/>
      <c r="AD920" s="262"/>
      <c r="AE920" s="262"/>
      <c r="AF920" s="262"/>
      <c r="AG920" s="262"/>
      <c r="AH920" s="262"/>
      <c r="AI920" s="262"/>
      <c r="AJ920" s="311"/>
      <c r="AK920" s="275"/>
      <c r="AL920" s="276"/>
    </row>
    <row r="921" spans="1:38" s="76" customFormat="1" thickBot="1">
      <c r="B921" s="148"/>
      <c r="C921" s="308"/>
      <c r="D921" s="284"/>
      <c r="E921" s="284"/>
      <c r="F921" s="284"/>
      <c r="G921" s="284"/>
      <c r="H921" s="284"/>
      <c r="I921" s="284"/>
      <c r="J921" s="284"/>
      <c r="K921" s="284"/>
      <c r="L921" s="284"/>
      <c r="M921" s="284"/>
      <c r="N921" s="284"/>
      <c r="O921" s="284"/>
      <c r="P921" s="284"/>
      <c r="Q921" s="284"/>
      <c r="R921" s="284"/>
      <c r="S921" s="284"/>
      <c r="T921" s="284"/>
      <c r="U921" s="284"/>
      <c r="V921" s="284"/>
      <c r="W921" s="284"/>
      <c r="X921" s="284"/>
      <c r="Y921" s="284"/>
      <c r="Z921" s="284"/>
      <c r="AA921" s="284"/>
      <c r="AB921" s="284"/>
      <c r="AC921" s="284"/>
      <c r="AD921" s="284"/>
      <c r="AE921" s="284"/>
      <c r="AF921" s="284"/>
      <c r="AG921" s="284"/>
      <c r="AH921" s="284"/>
      <c r="AI921" s="284"/>
      <c r="AJ921" s="321"/>
      <c r="AK921" s="277"/>
      <c r="AL921" s="278"/>
    </row>
    <row r="922" spans="1:38" s="76" customFormat="1" ht="13.5" customHeight="1" thickTop="1">
      <c r="C922" s="76" t="s">
        <v>59</v>
      </c>
      <c r="D922" s="567" t="s">
        <v>426</v>
      </c>
      <c r="E922" s="567"/>
      <c r="F922" s="567"/>
      <c r="G922" s="567"/>
      <c r="H922" s="567"/>
      <c r="I922" s="567"/>
      <c r="J922" s="567"/>
      <c r="K922" s="567"/>
      <c r="L922" s="567"/>
      <c r="M922" s="567"/>
      <c r="N922" s="567"/>
      <c r="O922" s="567"/>
      <c r="P922" s="567"/>
      <c r="Q922" s="567"/>
      <c r="R922" s="567"/>
      <c r="S922" s="567"/>
      <c r="T922" s="567"/>
      <c r="U922" s="567"/>
      <c r="V922" s="567"/>
      <c r="W922" s="567"/>
      <c r="X922" s="567"/>
      <c r="Y922" s="567"/>
      <c r="Z922" s="567"/>
      <c r="AA922" s="567"/>
      <c r="AB922" s="567"/>
      <c r="AC922" s="567"/>
      <c r="AD922" s="567"/>
      <c r="AE922" s="567"/>
      <c r="AF922" s="567"/>
      <c r="AG922" s="567"/>
      <c r="AH922" s="567"/>
      <c r="AI922" s="567"/>
      <c r="AJ922" s="567"/>
    </row>
    <row r="923" spans="1:38" s="76" customFormat="1" ht="13.5" customHeight="1">
      <c r="C923" s="76" t="s">
        <v>59</v>
      </c>
      <c r="D923" s="214" t="s">
        <v>335</v>
      </c>
      <c r="E923" s="214"/>
      <c r="F923" s="214"/>
      <c r="G923" s="214"/>
      <c r="H923" s="214"/>
      <c r="I923" s="214"/>
      <c r="J923" s="214"/>
      <c r="K923" s="214"/>
      <c r="L923" s="214"/>
      <c r="M923" s="214"/>
      <c r="N923" s="214"/>
      <c r="O923" s="214"/>
      <c r="P923" s="214"/>
      <c r="Q923" s="214"/>
      <c r="R923" s="214"/>
      <c r="S923" s="214"/>
      <c r="T923" s="214"/>
      <c r="U923" s="214"/>
      <c r="V923" s="214"/>
      <c r="W923" s="214"/>
      <c r="X923" s="214"/>
      <c r="Y923" s="214"/>
      <c r="Z923" s="214"/>
      <c r="AA923" s="214"/>
      <c r="AB923" s="214"/>
      <c r="AC923" s="214"/>
      <c r="AD923" s="214"/>
      <c r="AE923" s="214"/>
      <c r="AF923" s="214"/>
      <c r="AG923" s="214"/>
      <c r="AH923" s="214"/>
      <c r="AI923" s="214"/>
      <c r="AJ923" s="214"/>
      <c r="AK923" s="214"/>
    </row>
    <row r="924" spans="1:38" s="76" customFormat="1" ht="13.5" customHeight="1">
      <c r="C924" s="76" t="s">
        <v>59</v>
      </c>
      <c r="D924" s="214" t="s">
        <v>336</v>
      </c>
      <c r="E924" s="214"/>
      <c r="F924" s="214"/>
      <c r="G924" s="214"/>
      <c r="H924" s="214"/>
      <c r="I924" s="214"/>
      <c r="J924" s="214"/>
      <c r="K924" s="214"/>
      <c r="L924" s="214"/>
      <c r="M924" s="214"/>
      <c r="N924" s="214"/>
      <c r="O924" s="214"/>
      <c r="P924" s="214"/>
      <c r="Q924" s="214"/>
      <c r="R924" s="214"/>
      <c r="S924" s="214"/>
      <c r="T924" s="214"/>
      <c r="U924" s="214"/>
      <c r="V924" s="214"/>
      <c r="W924" s="214"/>
      <c r="X924" s="214"/>
      <c r="Y924" s="214"/>
      <c r="Z924" s="214"/>
      <c r="AA924" s="214"/>
      <c r="AB924" s="214"/>
      <c r="AC924" s="214"/>
      <c r="AD924" s="214"/>
      <c r="AE924" s="214"/>
      <c r="AF924" s="214"/>
      <c r="AG924" s="214"/>
      <c r="AH924" s="214"/>
      <c r="AI924" s="214"/>
      <c r="AJ924" s="214"/>
      <c r="AK924" s="214"/>
    </row>
    <row r="925" spans="1:38" s="76" customFormat="1" ht="13.5" customHeight="1" thickBot="1"/>
    <row r="926" spans="1:38" s="76" customFormat="1" ht="13.5" customHeight="1" thickTop="1">
      <c r="A926" s="266">
        <v>100</v>
      </c>
      <c r="B926" s="302"/>
      <c r="C926" s="270" t="s">
        <v>575</v>
      </c>
      <c r="D926" s="271"/>
      <c r="E926" s="271"/>
      <c r="F926" s="271"/>
      <c r="G926" s="271"/>
      <c r="H926" s="271"/>
      <c r="I926" s="271"/>
      <c r="J926" s="271"/>
      <c r="K926" s="271"/>
      <c r="L926" s="271"/>
      <c r="M926" s="271"/>
      <c r="N926" s="271"/>
      <c r="O926" s="271"/>
      <c r="P926" s="271"/>
      <c r="Q926" s="271"/>
      <c r="R926" s="271"/>
      <c r="S926" s="271"/>
      <c r="T926" s="271"/>
      <c r="U926" s="271"/>
      <c r="V926" s="271"/>
      <c r="W926" s="271"/>
      <c r="X926" s="271"/>
      <c r="Y926" s="271"/>
      <c r="Z926" s="271"/>
      <c r="AA926" s="271"/>
      <c r="AB926" s="271"/>
      <c r="AC926" s="271"/>
      <c r="AD926" s="271"/>
      <c r="AE926" s="271"/>
      <c r="AF926" s="271"/>
      <c r="AG926" s="271"/>
      <c r="AH926" s="271"/>
      <c r="AI926" s="271"/>
      <c r="AJ926" s="271"/>
      <c r="AK926" s="275"/>
      <c r="AL926" s="276"/>
    </row>
    <row r="927" spans="1:38" s="76" customFormat="1" ht="13.5" customHeight="1" thickBot="1">
      <c r="A927" s="268"/>
      <c r="B927" s="303"/>
      <c r="C927" s="272"/>
      <c r="D927" s="263"/>
      <c r="E927" s="263"/>
      <c r="F927" s="263"/>
      <c r="G927" s="263"/>
      <c r="H927" s="263"/>
      <c r="I927" s="263"/>
      <c r="J927" s="263"/>
      <c r="K927" s="263"/>
      <c r="L927" s="263"/>
      <c r="M927" s="263"/>
      <c r="N927" s="263"/>
      <c r="O927" s="263"/>
      <c r="P927" s="263"/>
      <c r="Q927" s="263"/>
      <c r="R927" s="263"/>
      <c r="S927" s="263"/>
      <c r="T927" s="263"/>
      <c r="U927" s="263"/>
      <c r="V927" s="263"/>
      <c r="W927" s="263"/>
      <c r="X927" s="263"/>
      <c r="Y927" s="263"/>
      <c r="Z927" s="263"/>
      <c r="AA927" s="263"/>
      <c r="AB927" s="263"/>
      <c r="AC927" s="263"/>
      <c r="AD927" s="263"/>
      <c r="AE927" s="263"/>
      <c r="AF927" s="263"/>
      <c r="AG927" s="263"/>
      <c r="AH927" s="263"/>
      <c r="AI927" s="263"/>
      <c r="AJ927" s="263"/>
      <c r="AK927" s="277"/>
      <c r="AL927" s="278"/>
    </row>
    <row r="928" spans="1:38" s="76" customFormat="1" ht="13.5" customHeight="1" thickTop="1">
      <c r="A928" s="194"/>
      <c r="B928" s="194"/>
      <c r="C928" s="273"/>
      <c r="D928" s="274"/>
      <c r="E928" s="274"/>
      <c r="F928" s="274"/>
      <c r="G928" s="274"/>
      <c r="H928" s="274"/>
      <c r="I928" s="274"/>
      <c r="J928" s="274"/>
      <c r="K928" s="274"/>
      <c r="L928" s="274"/>
      <c r="M928" s="274"/>
      <c r="N928" s="274"/>
      <c r="O928" s="274"/>
      <c r="P928" s="274"/>
      <c r="Q928" s="274"/>
      <c r="R928" s="274"/>
      <c r="S928" s="274"/>
      <c r="T928" s="274"/>
      <c r="U928" s="274"/>
      <c r="V928" s="274"/>
      <c r="W928" s="274"/>
      <c r="X928" s="274"/>
      <c r="Y928" s="274"/>
      <c r="Z928" s="274"/>
      <c r="AA928" s="274"/>
      <c r="AB928" s="274"/>
      <c r="AC928" s="274"/>
      <c r="AD928" s="274"/>
      <c r="AE928" s="274"/>
      <c r="AF928" s="274"/>
      <c r="AG928" s="274"/>
      <c r="AH928" s="274"/>
      <c r="AI928" s="274"/>
      <c r="AJ928" s="314"/>
      <c r="AK928" s="75"/>
      <c r="AL928" s="75"/>
    </row>
    <row r="929" spans="1:38" s="76" customFormat="1" ht="13.5" customHeight="1" thickBot="1"/>
    <row r="930" spans="1:38" s="76" customFormat="1" ht="13.5" customHeight="1" thickTop="1">
      <c r="A930" s="266">
        <v>101</v>
      </c>
      <c r="B930" s="302"/>
      <c r="C930" s="248" t="s">
        <v>576</v>
      </c>
      <c r="D930" s="249"/>
      <c r="E930" s="249"/>
      <c r="F930" s="249"/>
      <c r="G930" s="249"/>
      <c r="H930" s="249"/>
      <c r="I930" s="249"/>
      <c r="J930" s="249"/>
      <c r="K930" s="249"/>
      <c r="L930" s="249"/>
      <c r="M930" s="249"/>
      <c r="N930" s="249"/>
      <c r="O930" s="249"/>
      <c r="P930" s="249"/>
      <c r="Q930" s="249"/>
      <c r="R930" s="249"/>
      <c r="S930" s="249"/>
      <c r="T930" s="249"/>
      <c r="U930" s="249"/>
      <c r="V930" s="249"/>
      <c r="W930" s="249"/>
      <c r="X930" s="249"/>
      <c r="Y930" s="249"/>
      <c r="Z930" s="249"/>
      <c r="AA930" s="249"/>
      <c r="AB930" s="249"/>
      <c r="AC930" s="249"/>
      <c r="AD930" s="249"/>
      <c r="AE930" s="249"/>
      <c r="AF930" s="249"/>
      <c r="AG930" s="249"/>
      <c r="AH930" s="249"/>
      <c r="AI930" s="249"/>
      <c r="AJ930" s="249"/>
      <c r="AK930" s="275"/>
      <c r="AL930" s="276"/>
    </row>
    <row r="931" spans="1:38" s="76" customFormat="1" ht="13.5" customHeight="1" thickBot="1">
      <c r="A931" s="268"/>
      <c r="B931" s="303"/>
      <c r="C931" s="250"/>
      <c r="D931" s="251"/>
      <c r="E931" s="251"/>
      <c r="F931" s="251"/>
      <c r="G931" s="251"/>
      <c r="H931" s="251"/>
      <c r="I931" s="251"/>
      <c r="J931" s="251"/>
      <c r="K931" s="251"/>
      <c r="L931" s="251"/>
      <c r="M931" s="251"/>
      <c r="N931" s="251"/>
      <c r="O931" s="251"/>
      <c r="P931" s="251"/>
      <c r="Q931" s="251"/>
      <c r="R931" s="251"/>
      <c r="S931" s="251"/>
      <c r="T931" s="251"/>
      <c r="U931" s="251"/>
      <c r="V931" s="251"/>
      <c r="W931" s="251"/>
      <c r="X931" s="251"/>
      <c r="Y931" s="251"/>
      <c r="Z931" s="251"/>
      <c r="AA931" s="251"/>
      <c r="AB931" s="251"/>
      <c r="AC931" s="251"/>
      <c r="AD931" s="251"/>
      <c r="AE931" s="251"/>
      <c r="AF931" s="251"/>
      <c r="AG931" s="251"/>
      <c r="AH931" s="251"/>
      <c r="AI931" s="251"/>
      <c r="AJ931" s="251"/>
      <c r="AK931" s="277"/>
      <c r="AL931" s="278"/>
    </row>
    <row r="932" spans="1:38" s="76" customFormat="1" ht="13.5" customHeight="1" thickTop="1">
      <c r="A932" s="125"/>
      <c r="B932" s="125"/>
      <c r="C932" s="252"/>
      <c r="D932" s="253"/>
      <c r="E932" s="253"/>
      <c r="F932" s="253"/>
      <c r="G932" s="253"/>
      <c r="H932" s="253"/>
      <c r="I932" s="253"/>
      <c r="J932" s="253"/>
      <c r="K932" s="253"/>
      <c r="L932" s="253"/>
      <c r="M932" s="253"/>
      <c r="N932" s="253"/>
      <c r="O932" s="253"/>
      <c r="P932" s="253"/>
      <c r="Q932" s="253"/>
      <c r="R932" s="253"/>
      <c r="S932" s="253"/>
      <c r="T932" s="253"/>
      <c r="U932" s="253"/>
      <c r="V932" s="253"/>
      <c r="W932" s="253"/>
      <c r="X932" s="253"/>
      <c r="Y932" s="253"/>
      <c r="Z932" s="253"/>
      <c r="AA932" s="253"/>
      <c r="AB932" s="253"/>
      <c r="AC932" s="253"/>
      <c r="AD932" s="253"/>
      <c r="AE932" s="253"/>
      <c r="AF932" s="253"/>
      <c r="AG932" s="253"/>
      <c r="AH932" s="253"/>
      <c r="AI932" s="253"/>
      <c r="AJ932" s="254"/>
      <c r="AK932" s="126"/>
      <c r="AL932" s="126"/>
    </row>
    <row r="933" spans="1:38" s="76" customFormat="1" ht="13.5" customHeight="1" thickBot="1"/>
    <row r="934" spans="1:38" s="76" customFormat="1" ht="13.5" customHeight="1" thickTop="1">
      <c r="A934" s="266">
        <v>102</v>
      </c>
      <c r="B934" s="302"/>
      <c r="C934" s="270" t="s">
        <v>577</v>
      </c>
      <c r="D934" s="271"/>
      <c r="E934" s="271"/>
      <c r="F934" s="271"/>
      <c r="G934" s="271"/>
      <c r="H934" s="271"/>
      <c r="I934" s="271"/>
      <c r="J934" s="271"/>
      <c r="K934" s="271"/>
      <c r="L934" s="271"/>
      <c r="M934" s="271"/>
      <c r="N934" s="271"/>
      <c r="O934" s="271"/>
      <c r="P934" s="271"/>
      <c r="Q934" s="271"/>
      <c r="R934" s="271"/>
      <c r="S934" s="271"/>
      <c r="T934" s="271"/>
      <c r="U934" s="271"/>
      <c r="V934" s="271"/>
      <c r="W934" s="271"/>
      <c r="X934" s="271"/>
      <c r="Y934" s="271"/>
      <c r="Z934" s="271"/>
      <c r="AA934" s="271"/>
      <c r="AB934" s="271"/>
      <c r="AC934" s="271"/>
      <c r="AD934" s="271"/>
      <c r="AE934" s="271"/>
      <c r="AF934" s="271"/>
      <c r="AG934" s="271"/>
      <c r="AH934" s="271"/>
      <c r="AI934" s="271"/>
      <c r="AJ934" s="271"/>
      <c r="AK934" s="275"/>
      <c r="AL934" s="276"/>
    </row>
    <row r="935" spans="1:38" s="76" customFormat="1" ht="13.5" customHeight="1" thickBot="1">
      <c r="A935" s="268"/>
      <c r="B935" s="303"/>
      <c r="C935" s="272"/>
      <c r="D935" s="263"/>
      <c r="E935" s="263"/>
      <c r="F935" s="263"/>
      <c r="G935" s="263"/>
      <c r="H935" s="263"/>
      <c r="I935" s="263"/>
      <c r="J935" s="263"/>
      <c r="K935" s="263"/>
      <c r="L935" s="263"/>
      <c r="M935" s="263"/>
      <c r="N935" s="263"/>
      <c r="O935" s="263"/>
      <c r="P935" s="263"/>
      <c r="Q935" s="263"/>
      <c r="R935" s="263"/>
      <c r="S935" s="263"/>
      <c r="T935" s="263"/>
      <c r="U935" s="263"/>
      <c r="V935" s="263"/>
      <c r="W935" s="263"/>
      <c r="X935" s="263"/>
      <c r="Y935" s="263"/>
      <c r="Z935" s="263"/>
      <c r="AA935" s="263"/>
      <c r="AB935" s="263"/>
      <c r="AC935" s="263"/>
      <c r="AD935" s="263"/>
      <c r="AE935" s="263"/>
      <c r="AF935" s="263"/>
      <c r="AG935" s="263"/>
      <c r="AH935" s="263"/>
      <c r="AI935" s="263"/>
      <c r="AJ935" s="263"/>
      <c r="AK935" s="277"/>
      <c r="AL935" s="278"/>
    </row>
    <row r="936" spans="1:38" s="76" customFormat="1" ht="13.5" customHeight="1" thickTop="1">
      <c r="A936" s="125"/>
      <c r="B936" s="125"/>
      <c r="C936" s="272"/>
      <c r="D936" s="263"/>
      <c r="E936" s="263"/>
      <c r="F936" s="263"/>
      <c r="G936" s="263"/>
      <c r="H936" s="263"/>
      <c r="I936" s="263"/>
      <c r="J936" s="263"/>
      <c r="K936" s="263"/>
      <c r="L936" s="263"/>
      <c r="M936" s="263"/>
      <c r="N936" s="263"/>
      <c r="O936" s="263"/>
      <c r="P936" s="263"/>
      <c r="Q936" s="263"/>
      <c r="R936" s="263"/>
      <c r="S936" s="263"/>
      <c r="T936" s="263"/>
      <c r="U936" s="263"/>
      <c r="V936" s="263"/>
      <c r="W936" s="263"/>
      <c r="X936" s="263"/>
      <c r="Y936" s="263"/>
      <c r="Z936" s="263"/>
      <c r="AA936" s="263"/>
      <c r="AB936" s="263"/>
      <c r="AC936" s="263"/>
      <c r="AD936" s="263"/>
      <c r="AE936" s="263"/>
      <c r="AF936" s="263"/>
      <c r="AG936" s="263"/>
      <c r="AH936" s="263"/>
      <c r="AI936" s="263"/>
      <c r="AJ936" s="263"/>
      <c r="AK936" s="130"/>
      <c r="AL936" s="126"/>
    </row>
    <row r="937" spans="1:38" s="76" customFormat="1" ht="13.5" customHeight="1">
      <c r="A937" s="194"/>
      <c r="B937" s="194"/>
      <c r="C937" s="273"/>
      <c r="D937" s="274"/>
      <c r="E937" s="274"/>
      <c r="F937" s="274"/>
      <c r="G937" s="274"/>
      <c r="H937" s="274"/>
      <c r="I937" s="274"/>
      <c r="J937" s="274"/>
      <c r="K937" s="274"/>
      <c r="L937" s="274"/>
      <c r="M937" s="274"/>
      <c r="N937" s="274"/>
      <c r="O937" s="274"/>
      <c r="P937" s="274"/>
      <c r="Q937" s="274"/>
      <c r="R937" s="274"/>
      <c r="S937" s="274"/>
      <c r="T937" s="274"/>
      <c r="U937" s="274"/>
      <c r="V937" s="274"/>
      <c r="W937" s="274"/>
      <c r="X937" s="274"/>
      <c r="Y937" s="274"/>
      <c r="Z937" s="274"/>
      <c r="AA937" s="274"/>
      <c r="AB937" s="274"/>
      <c r="AC937" s="274"/>
      <c r="AD937" s="274"/>
      <c r="AE937" s="274"/>
      <c r="AF937" s="274"/>
      <c r="AG937" s="274"/>
      <c r="AH937" s="274"/>
      <c r="AI937" s="274"/>
      <c r="AJ937" s="314"/>
      <c r="AK937" s="75"/>
      <c r="AL937" s="75"/>
    </row>
    <row r="938" spans="1:38" s="76" customFormat="1" ht="13.5" customHeight="1">
      <c r="C938" s="197" t="s">
        <v>59</v>
      </c>
      <c r="D938" s="371" t="s">
        <v>337</v>
      </c>
      <c r="E938" s="371"/>
      <c r="F938" s="371"/>
      <c r="G938" s="371"/>
      <c r="H938" s="371"/>
      <c r="I938" s="371"/>
      <c r="J938" s="371"/>
      <c r="K938" s="371"/>
      <c r="L938" s="371"/>
      <c r="M938" s="371"/>
      <c r="N938" s="371"/>
      <c r="O938" s="371"/>
      <c r="P938" s="371"/>
      <c r="Q938" s="371"/>
      <c r="R938" s="371"/>
      <c r="S938" s="371"/>
      <c r="T938" s="371"/>
      <c r="U938" s="371"/>
      <c r="V938" s="371"/>
      <c r="W938" s="371"/>
      <c r="X938" s="371"/>
      <c r="Y938" s="371"/>
      <c r="Z938" s="371"/>
      <c r="AA938" s="371"/>
      <c r="AB938" s="371"/>
      <c r="AC938" s="371"/>
      <c r="AD938" s="371"/>
      <c r="AE938" s="371"/>
      <c r="AF938" s="371"/>
      <c r="AG938" s="371"/>
      <c r="AH938" s="371"/>
      <c r="AI938" s="371"/>
      <c r="AJ938" s="371"/>
    </row>
    <row r="939" spans="1:38" s="76" customFormat="1" ht="13.5" customHeight="1">
      <c r="D939" s="372"/>
      <c r="E939" s="372"/>
      <c r="F939" s="372"/>
      <c r="G939" s="372"/>
      <c r="H939" s="372"/>
      <c r="I939" s="372"/>
      <c r="J939" s="372"/>
      <c r="K939" s="372"/>
      <c r="L939" s="372"/>
      <c r="M939" s="372"/>
      <c r="N939" s="372"/>
      <c r="O939" s="372"/>
      <c r="P939" s="372"/>
      <c r="Q939" s="372"/>
      <c r="R939" s="372"/>
      <c r="S939" s="372"/>
      <c r="T939" s="372"/>
      <c r="U939" s="372"/>
      <c r="V939" s="372"/>
      <c r="W939" s="372"/>
      <c r="X939" s="372"/>
      <c r="Y939" s="372"/>
      <c r="Z939" s="372"/>
      <c r="AA939" s="372"/>
      <c r="AB939" s="372"/>
      <c r="AC939" s="372"/>
      <c r="AD939" s="372"/>
      <c r="AE939" s="372"/>
      <c r="AF939" s="372"/>
      <c r="AG939" s="372"/>
      <c r="AH939" s="372"/>
      <c r="AI939" s="372"/>
      <c r="AJ939" s="372"/>
    </row>
    <row r="940" spans="1:38" s="76" customFormat="1" ht="13.5" customHeight="1" thickBot="1"/>
    <row r="941" spans="1:38" s="76" customFormat="1" ht="13.5" customHeight="1" thickTop="1">
      <c r="A941" s="266">
        <v>103</v>
      </c>
      <c r="B941" s="302"/>
      <c r="C941" s="270" t="s">
        <v>578</v>
      </c>
      <c r="D941" s="271"/>
      <c r="E941" s="271"/>
      <c r="F941" s="271"/>
      <c r="G941" s="271"/>
      <c r="H941" s="271"/>
      <c r="I941" s="271"/>
      <c r="J941" s="271"/>
      <c r="K941" s="271"/>
      <c r="L941" s="271"/>
      <c r="M941" s="271"/>
      <c r="N941" s="271"/>
      <c r="O941" s="271"/>
      <c r="P941" s="271"/>
      <c r="Q941" s="271"/>
      <c r="R941" s="271"/>
      <c r="S941" s="271"/>
      <c r="T941" s="271"/>
      <c r="U941" s="271"/>
      <c r="V941" s="271"/>
      <c r="W941" s="271"/>
      <c r="X941" s="271"/>
      <c r="Y941" s="271"/>
      <c r="Z941" s="271"/>
      <c r="AA941" s="271"/>
      <c r="AB941" s="271"/>
      <c r="AC941" s="271"/>
      <c r="AD941" s="271"/>
      <c r="AE941" s="271"/>
      <c r="AF941" s="271"/>
      <c r="AG941" s="271"/>
      <c r="AH941" s="271"/>
      <c r="AI941" s="271"/>
      <c r="AJ941" s="271"/>
      <c r="AK941" s="275"/>
      <c r="AL941" s="276"/>
    </row>
    <row r="942" spans="1:38" s="76" customFormat="1" ht="13.5" customHeight="1" thickBot="1">
      <c r="A942" s="268"/>
      <c r="B942" s="303"/>
      <c r="C942" s="272"/>
      <c r="D942" s="263"/>
      <c r="E942" s="263"/>
      <c r="F942" s="263"/>
      <c r="G942" s="263"/>
      <c r="H942" s="263"/>
      <c r="I942" s="263"/>
      <c r="J942" s="263"/>
      <c r="K942" s="263"/>
      <c r="L942" s="263"/>
      <c r="M942" s="263"/>
      <c r="N942" s="263"/>
      <c r="O942" s="263"/>
      <c r="P942" s="263"/>
      <c r="Q942" s="263"/>
      <c r="R942" s="263"/>
      <c r="S942" s="263"/>
      <c r="T942" s="263"/>
      <c r="U942" s="263"/>
      <c r="V942" s="263"/>
      <c r="W942" s="263"/>
      <c r="X942" s="263"/>
      <c r="Y942" s="263"/>
      <c r="Z942" s="263"/>
      <c r="AA942" s="263"/>
      <c r="AB942" s="263"/>
      <c r="AC942" s="263"/>
      <c r="AD942" s="263"/>
      <c r="AE942" s="263"/>
      <c r="AF942" s="263"/>
      <c r="AG942" s="263"/>
      <c r="AH942" s="263"/>
      <c r="AI942" s="263"/>
      <c r="AJ942" s="263"/>
      <c r="AK942" s="277"/>
      <c r="AL942" s="278"/>
    </row>
    <row r="943" spans="1:38" s="76" customFormat="1" ht="13.5" customHeight="1" thickTop="1">
      <c r="A943" s="194"/>
      <c r="B943" s="194"/>
      <c r="C943" s="273"/>
      <c r="D943" s="274"/>
      <c r="E943" s="274"/>
      <c r="F943" s="274"/>
      <c r="G943" s="274"/>
      <c r="H943" s="274"/>
      <c r="I943" s="274"/>
      <c r="J943" s="274"/>
      <c r="K943" s="274"/>
      <c r="L943" s="274"/>
      <c r="M943" s="274"/>
      <c r="N943" s="274"/>
      <c r="O943" s="274"/>
      <c r="P943" s="274"/>
      <c r="Q943" s="274"/>
      <c r="R943" s="274"/>
      <c r="S943" s="274"/>
      <c r="T943" s="274"/>
      <c r="U943" s="274"/>
      <c r="V943" s="274"/>
      <c r="W943" s="274"/>
      <c r="X943" s="274"/>
      <c r="Y943" s="274"/>
      <c r="Z943" s="274"/>
      <c r="AA943" s="274"/>
      <c r="AB943" s="274"/>
      <c r="AC943" s="274"/>
      <c r="AD943" s="274"/>
      <c r="AE943" s="274"/>
      <c r="AF943" s="274"/>
      <c r="AG943" s="274"/>
      <c r="AH943" s="274"/>
      <c r="AI943" s="274"/>
      <c r="AJ943" s="314"/>
      <c r="AK943" s="75"/>
      <c r="AL943" s="75"/>
    </row>
    <row r="944" spans="1:38" s="76" customFormat="1" ht="13">
      <c r="C944" s="75" t="s">
        <v>59</v>
      </c>
      <c r="D944" s="413" t="s">
        <v>338</v>
      </c>
      <c r="E944" s="413"/>
      <c r="F944" s="413"/>
      <c r="G944" s="413"/>
      <c r="H944" s="413"/>
      <c r="I944" s="413"/>
      <c r="J944" s="413"/>
      <c r="K944" s="413"/>
      <c r="L944" s="413"/>
      <c r="M944" s="413"/>
      <c r="N944" s="413"/>
      <c r="O944" s="413"/>
      <c r="P944" s="413"/>
      <c r="Q944" s="413"/>
      <c r="R944" s="413"/>
      <c r="S944" s="413"/>
      <c r="T944" s="413"/>
      <c r="U944" s="413"/>
      <c r="V944" s="413"/>
      <c r="W944" s="413"/>
      <c r="X944" s="413"/>
      <c r="Y944" s="413"/>
      <c r="Z944" s="413"/>
      <c r="AA944" s="413"/>
      <c r="AB944" s="413"/>
      <c r="AC944" s="413"/>
      <c r="AD944" s="413"/>
      <c r="AE944" s="413"/>
      <c r="AF944" s="413"/>
      <c r="AG944" s="413"/>
      <c r="AH944" s="413"/>
      <c r="AI944" s="413"/>
      <c r="AJ944" s="413"/>
      <c r="AK944" s="75"/>
      <c r="AL944" s="75"/>
    </row>
    <row r="945" spans="1:38" s="76" customFormat="1" ht="13.5" customHeight="1">
      <c r="D945" s="265"/>
      <c r="E945" s="265"/>
      <c r="F945" s="265"/>
      <c r="G945" s="265"/>
      <c r="H945" s="265"/>
      <c r="I945" s="265"/>
      <c r="J945" s="265"/>
      <c r="K945" s="265"/>
      <c r="L945" s="265"/>
      <c r="M945" s="265"/>
      <c r="N945" s="265"/>
      <c r="O945" s="265"/>
      <c r="P945" s="265"/>
      <c r="Q945" s="265"/>
      <c r="R945" s="265"/>
      <c r="S945" s="265"/>
      <c r="T945" s="265"/>
      <c r="U945" s="265"/>
      <c r="V945" s="265"/>
      <c r="W945" s="265"/>
      <c r="X945" s="265"/>
      <c r="Y945" s="265"/>
      <c r="Z945" s="265"/>
      <c r="AA945" s="265"/>
      <c r="AB945" s="265"/>
      <c r="AC945" s="265"/>
      <c r="AD945" s="265"/>
      <c r="AE945" s="265"/>
      <c r="AF945" s="265"/>
      <c r="AG945" s="265"/>
      <c r="AH945" s="265"/>
      <c r="AI945" s="265"/>
      <c r="AJ945" s="265"/>
    </row>
    <row r="946" spans="1:38" s="76" customFormat="1" ht="13.5" customHeight="1">
      <c r="D946" s="77"/>
      <c r="E946" s="77"/>
      <c r="F946" s="77"/>
      <c r="G946" s="77"/>
      <c r="H946" s="77"/>
      <c r="I946" s="77"/>
      <c r="J946" s="77"/>
      <c r="K946" s="77"/>
      <c r="L946" s="77"/>
      <c r="M946" s="77"/>
      <c r="N946" s="77"/>
      <c r="O946" s="77"/>
      <c r="P946" s="77"/>
      <c r="Q946" s="77"/>
      <c r="R946" s="77"/>
      <c r="S946" s="77"/>
      <c r="T946" s="77"/>
      <c r="U946" s="77"/>
      <c r="V946" s="77"/>
      <c r="W946" s="77"/>
      <c r="X946" s="77"/>
      <c r="Y946" s="77"/>
      <c r="Z946" s="77"/>
      <c r="AA946" s="77"/>
      <c r="AB946" s="77"/>
      <c r="AC946" s="77"/>
      <c r="AD946" s="77"/>
      <c r="AE946" s="77"/>
      <c r="AF946" s="77"/>
      <c r="AG946" s="77"/>
      <c r="AH946" s="77"/>
      <c r="AI946" s="77"/>
      <c r="AJ946" s="77"/>
    </row>
    <row r="947" spans="1:38" s="76" customFormat="1" ht="13.5" customHeight="1">
      <c r="A947" s="127" t="s">
        <v>146</v>
      </c>
      <c r="AK947" s="126"/>
      <c r="AL947" s="126"/>
    </row>
    <row r="948" spans="1:38" s="76" customFormat="1" ht="13.5" customHeight="1" thickBot="1">
      <c r="A948" s="129" t="s">
        <v>240</v>
      </c>
      <c r="AK948" s="126"/>
      <c r="AL948" s="126"/>
    </row>
    <row r="949" spans="1:38" s="76" customFormat="1" ht="13.5" customHeight="1" thickTop="1">
      <c r="A949" s="266">
        <v>104</v>
      </c>
      <c r="B949" s="302"/>
      <c r="C949" s="248" t="s">
        <v>579</v>
      </c>
      <c r="D949" s="249"/>
      <c r="E949" s="249"/>
      <c r="F949" s="249"/>
      <c r="G949" s="249"/>
      <c r="H949" s="249"/>
      <c r="I949" s="249"/>
      <c r="J949" s="249"/>
      <c r="K949" s="249"/>
      <c r="L949" s="249"/>
      <c r="M949" s="249"/>
      <c r="N949" s="249"/>
      <c r="O949" s="249"/>
      <c r="P949" s="249"/>
      <c r="Q949" s="249"/>
      <c r="R949" s="249"/>
      <c r="S949" s="249"/>
      <c r="T949" s="249"/>
      <c r="U949" s="249"/>
      <c r="V949" s="249"/>
      <c r="W949" s="249"/>
      <c r="X949" s="249"/>
      <c r="Y949" s="249"/>
      <c r="Z949" s="249"/>
      <c r="AA949" s="249"/>
      <c r="AB949" s="249"/>
      <c r="AC949" s="249"/>
      <c r="AD949" s="249"/>
      <c r="AE949" s="249"/>
      <c r="AF949" s="249"/>
      <c r="AG949" s="249"/>
      <c r="AH949" s="249"/>
      <c r="AI949" s="249"/>
      <c r="AJ949" s="249"/>
      <c r="AK949" s="275"/>
      <c r="AL949" s="276"/>
    </row>
    <row r="950" spans="1:38" s="76" customFormat="1" ht="13.5" customHeight="1" thickBot="1">
      <c r="A950" s="268"/>
      <c r="B950" s="303"/>
      <c r="C950" s="250"/>
      <c r="D950" s="251"/>
      <c r="E950" s="251"/>
      <c r="F950" s="251"/>
      <c r="G950" s="251"/>
      <c r="H950" s="251"/>
      <c r="I950" s="251"/>
      <c r="J950" s="251"/>
      <c r="K950" s="251"/>
      <c r="L950" s="251"/>
      <c r="M950" s="251"/>
      <c r="N950" s="251"/>
      <c r="O950" s="251"/>
      <c r="P950" s="251"/>
      <c r="Q950" s="251"/>
      <c r="R950" s="251"/>
      <c r="S950" s="251"/>
      <c r="T950" s="251"/>
      <c r="U950" s="251"/>
      <c r="V950" s="251"/>
      <c r="W950" s="251"/>
      <c r="X950" s="251"/>
      <c r="Y950" s="251"/>
      <c r="Z950" s="251"/>
      <c r="AA950" s="251"/>
      <c r="AB950" s="251"/>
      <c r="AC950" s="251"/>
      <c r="AD950" s="251"/>
      <c r="AE950" s="251"/>
      <c r="AF950" s="251"/>
      <c r="AG950" s="251"/>
      <c r="AH950" s="251"/>
      <c r="AI950" s="251"/>
      <c r="AJ950" s="251"/>
      <c r="AK950" s="277"/>
      <c r="AL950" s="278"/>
    </row>
    <row r="951" spans="1:38" s="76" customFormat="1" ht="13.5" customHeight="1" thickTop="1">
      <c r="A951" s="125"/>
      <c r="B951" s="125"/>
      <c r="C951" s="252"/>
      <c r="D951" s="253"/>
      <c r="E951" s="253"/>
      <c r="F951" s="253"/>
      <c r="G951" s="253"/>
      <c r="H951" s="253"/>
      <c r="I951" s="253"/>
      <c r="J951" s="253"/>
      <c r="K951" s="253"/>
      <c r="L951" s="253"/>
      <c r="M951" s="253"/>
      <c r="N951" s="253"/>
      <c r="O951" s="253"/>
      <c r="P951" s="253"/>
      <c r="Q951" s="253"/>
      <c r="R951" s="253"/>
      <c r="S951" s="253"/>
      <c r="T951" s="253"/>
      <c r="U951" s="253"/>
      <c r="V951" s="253"/>
      <c r="W951" s="253"/>
      <c r="X951" s="253"/>
      <c r="Y951" s="253"/>
      <c r="Z951" s="253"/>
      <c r="AA951" s="253"/>
      <c r="AB951" s="253"/>
      <c r="AC951" s="253"/>
      <c r="AD951" s="253"/>
      <c r="AE951" s="253"/>
      <c r="AF951" s="253"/>
      <c r="AG951" s="253"/>
      <c r="AH951" s="253"/>
      <c r="AI951" s="253"/>
      <c r="AJ951" s="253"/>
      <c r="AK951" s="130"/>
      <c r="AL951" s="126"/>
    </row>
    <row r="952" spans="1:38" s="76" customFormat="1" ht="13.5" customHeight="1">
      <c r="A952" s="125"/>
      <c r="B952" s="125"/>
      <c r="AK952" s="126"/>
      <c r="AL952" s="126"/>
    </row>
    <row r="953" spans="1:38" s="76" customFormat="1" ht="13.5" customHeight="1">
      <c r="C953" s="306" t="s">
        <v>147</v>
      </c>
      <c r="D953" s="262"/>
      <c r="E953" s="262"/>
      <c r="F953" s="262"/>
      <c r="G953" s="262"/>
      <c r="H953" s="262"/>
      <c r="I953" s="262"/>
      <c r="J953" s="262"/>
      <c r="K953" s="262"/>
      <c r="L953" s="262"/>
      <c r="M953" s="262"/>
      <c r="N953" s="262"/>
      <c r="O953" s="262"/>
      <c r="P953" s="262"/>
      <c r="Q953" s="262"/>
      <c r="R953" s="262"/>
      <c r="S953" s="262"/>
      <c r="T953" s="262"/>
      <c r="U953" s="262"/>
      <c r="V953" s="262"/>
      <c r="W953" s="262"/>
      <c r="X953" s="262"/>
      <c r="Y953" s="262"/>
      <c r="Z953" s="262"/>
      <c r="AA953" s="262"/>
      <c r="AB953" s="262"/>
      <c r="AC953" s="262"/>
      <c r="AD953" s="262"/>
      <c r="AE953" s="262"/>
      <c r="AF953" s="262"/>
      <c r="AG953" s="262"/>
      <c r="AH953" s="262"/>
      <c r="AI953" s="262"/>
      <c r="AJ953" s="379"/>
      <c r="AK953" s="126"/>
      <c r="AL953" s="126"/>
    </row>
    <row r="954" spans="1:38" s="76" customFormat="1" ht="13.5" customHeight="1">
      <c r="C954" s="307"/>
      <c r="D954" s="281"/>
      <c r="E954" s="281"/>
      <c r="F954" s="281"/>
      <c r="G954" s="281"/>
      <c r="H954" s="281"/>
      <c r="I954" s="281"/>
      <c r="J954" s="281"/>
      <c r="K954" s="281"/>
      <c r="L954" s="281"/>
      <c r="M954" s="281"/>
      <c r="N954" s="281"/>
      <c r="O954" s="281"/>
      <c r="P954" s="281"/>
      <c r="Q954" s="281"/>
      <c r="R954" s="281"/>
      <c r="S954" s="281"/>
      <c r="T954" s="281"/>
      <c r="U954" s="281"/>
      <c r="V954" s="281"/>
      <c r="W954" s="281"/>
      <c r="X954" s="281"/>
      <c r="Y954" s="281"/>
      <c r="Z954" s="281"/>
      <c r="AA954" s="281"/>
      <c r="AB954" s="281"/>
      <c r="AC954" s="281"/>
      <c r="AD954" s="281"/>
      <c r="AE954" s="281"/>
      <c r="AF954" s="281"/>
      <c r="AG954" s="281"/>
      <c r="AH954" s="281"/>
      <c r="AI954" s="281"/>
      <c r="AJ954" s="380"/>
      <c r="AK954" s="126"/>
      <c r="AL954" s="126"/>
    </row>
    <row r="955" spans="1:38" s="76" customFormat="1" ht="13.5" customHeight="1">
      <c r="C955" s="307"/>
      <c r="D955" s="281"/>
      <c r="E955" s="281"/>
      <c r="F955" s="281"/>
      <c r="G955" s="281"/>
      <c r="H955" s="281"/>
      <c r="I955" s="281"/>
      <c r="J955" s="281"/>
      <c r="K955" s="281"/>
      <c r="L955" s="281"/>
      <c r="M955" s="281"/>
      <c r="N955" s="281"/>
      <c r="O955" s="281"/>
      <c r="P955" s="281"/>
      <c r="Q955" s="281"/>
      <c r="R955" s="281"/>
      <c r="S955" s="281"/>
      <c r="T955" s="281"/>
      <c r="U955" s="281"/>
      <c r="V955" s="281"/>
      <c r="W955" s="281"/>
      <c r="X955" s="281"/>
      <c r="Y955" s="281"/>
      <c r="Z955" s="281"/>
      <c r="AA955" s="281"/>
      <c r="AB955" s="281"/>
      <c r="AC955" s="281"/>
      <c r="AD955" s="281"/>
      <c r="AE955" s="281"/>
      <c r="AF955" s="281"/>
      <c r="AG955" s="281"/>
      <c r="AH955" s="281"/>
      <c r="AI955" s="281"/>
      <c r="AJ955" s="380"/>
      <c r="AK955" s="126"/>
      <c r="AL955" s="126"/>
    </row>
    <row r="956" spans="1:38" s="76" customFormat="1" ht="13.5" customHeight="1">
      <c r="C956" s="307"/>
      <c r="D956" s="281"/>
      <c r="E956" s="281"/>
      <c r="F956" s="281"/>
      <c r="G956" s="281"/>
      <c r="H956" s="281"/>
      <c r="I956" s="281"/>
      <c r="J956" s="281"/>
      <c r="K956" s="281"/>
      <c r="L956" s="281"/>
      <c r="M956" s="281"/>
      <c r="N956" s="281"/>
      <c r="O956" s="281"/>
      <c r="P956" s="281"/>
      <c r="Q956" s="281"/>
      <c r="R956" s="281"/>
      <c r="S956" s="281"/>
      <c r="T956" s="281"/>
      <c r="U956" s="281"/>
      <c r="V956" s="281"/>
      <c r="W956" s="281"/>
      <c r="X956" s="281"/>
      <c r="Y956" s="281"/>
      <c r="Z956" s="281"/>
      <c r="AA956" s="281"/>
      <c r="AB956" s="281"/>
      <c r="AC956" s="281"/>
      <c r="AD956" s="281"/>
      <c r="AE956" s="281"/>
      <c r="AF956" s="281"/>
      <c r="AG956" s="281"/>
      <c r="AH956" s="281"/>
      <c r="AI956" s="281"/>
      <c r="AJ956" s="380"/>
      <c r="AK956" s="126"/>
      <c r="AL956" s="126"/>
    </row>
    <row r="957" spans="1:38" s="76" customFormat="1" ht="13.5" customHeight="1" thickBot="1">
      <c r="C957" s="308"/>
      <c r="D957" s="284"/>
      <c r="E957" s="284"/>
      <c r="F957" s="284"/>
      <c r="G957" s="284"/>
      <c r="H957" s="284"/>
      <c r="I957" s="284"/>
      <c r="J957" s="284"/>
      <c r="K957" s="284"/>
      <c r="L957" s="284"/>
      <c r="M957" s="284"/>
      <c r="N957" s="284"/>
      <c r="O957" s="284"/>
      <c r="P957" s="284"/>
      <c r="Q957" s="284"/>
      <c r="R957" s="284"/>
      <c r="S957" s="284"/>
      <c r="T957" s="284"/>
      <c r="U957" s="284"/>
      <c r="V957" s="284"/>
      <c r="W957" s="284"/>
      <c r="X957" s="284"/>
      <c r="Y957" s="284"/>
      <c r="Z957" s="284"/>
      <c r="AA957" s="284"/>
      <c r="AB957" s="284"/>
      <c r="AC957" s="284"/>
      <c r="AD957" s="284"/>
      <c r="AE957" s="284"/>
      <c r="AF957" s="284"/>
      <c r="AG957" s="284"/>
      <c r="AH957" s="284"/>
      <c r="AI957" s="284"/>
      <c r="AJ957" s="313"/>
      <c r="AK957" s="126"/>
      <c r="AL957" s="126"/>
    </row>
    <row r="958" spans="1:38" s="76" customFormat="1" ht="13.5" customHeight="1" thickTop="1">
      <c r="C958" s="306" t="s">
        <v>481</v>
      </c>
      <c r="D958" s="262"/>
      <c r="E958" s="262"/>
      <c r="F958" s="262"/>
      <c r="G958" s="262"/>
      <c r="H958" s="262"/>
      <c r="I958" s="262"/>
      <c r="J958" s="262"/>
      <c r="K958" s="262"/>
      <c r="L958" s="262"/>
      <c r="M958" s="262"/>
      <c r="N958" s="262"/>
      <c r="O958" s="262"/>
      <c r="P958" s="262"/>
      <c r="Q958" s="262"/>
      <c r="R958" s="262"/>
      <c r="S958" s="262"/>
      <c r="T958" s="262"/>
      <c r="U958" s="262"/>
      <c r="V958" s="262"/>
      <c r="W958" s="262"/>
      <c r="X958" s="262"/>
      <c r="Y958" s="262"/>
      <c r="Z958" s="262"/>
      <c r="AA958" s="262"/>
      <c r="AB958" s="262"/>
      <c r="AC958" s="262"/>
      <c r="AD958" s="262"/>
      <c r="AE958" s="262"/>
      <c r="AF958" s="262"/>
      <c r="AG958" s="262"/>
      <c r="AH958" s="262"/>
      <c r="AI958" s="262"/>
      <c r="AJ958" s="311"/>
      <c r="AK958" s="275"/>
      <c r="AL958" s="276"/>
    </row>
    <row r="959" spans="1:38" s="76" customFormat="1" ht="13.5" customHeight="1" thickBot="1">
      <c r="C959" s="307"/>
      <c r="D959" s="281"/>
      <c r="E959" s="281"/>
      <c r="F959" s="281"/>
      <c r="G959" s="281"/>
      <c r="H959" s="281"/>
      <c r="I959" s="281"/>
      <c r="J959" s="281"/>
      <c r="K959" s="281"/>
      <c r="L959" s="281"/>
      <c r="M959" s="281"/>
      <c r="N959" s="281"/>
      <c r="O959" s="281"/>
      <c r="P959" s="281"/>
      <c r="Q959" s="281"/>
      <c r="R959" s="281"/>
      <c r="S959" s="281"/>
      <c r="T959" s="281"/>
      <c r="U959" s="281"/>
      <c r="V959" s="281"/>
      <c r="W959" s="281"/>
      <c r="X959" s="281"/>
      <c r="Y959" s="281"/>
      <c r="Z959" s="281"/>
      <c r="AA959" s="281"/>
      <c r="AB959" s="281"/>
      <c r="AC959" s="281"/>
      <c r="AD959" s="281"/>
      <c r="AE959" s="281"/>
      <c r="AF959" s="281"/>
      <c r="AG959" s="281"/>
      <c r="AH959" s="281"/>
      <c r="AI959" s="281"/>
      <c r="AJ959" s="312"/>
      <c r="AK959" s="277"/>
      <c r="AL959" s="278"/>
    </row>
    <row r="960" spans="1:38" s="76" customFormat="1" ht="13.5" customHeight="1" thickTop="1">
      <c r="C960" s="307"/>
      <c r="D960" s="281"/>
      <c r="E960" s="281"/>
      <c r="F960" s="281"/>
      <c r="G960" s="281"/>
      <c r="H960" s="281"/>
      <c r="I960" s="281"/>
      <c r="J960" s="281"/>
      <c r="K960" s="281"/>
      <c r="L960" s="281"/>
      <c r="M960" s="281"/>
      <c r="N960" s="281"/>
      <c r="O960" s="281"/>
      <c r="P960" s="281"/>
      <c r="Q960" s="281"/>
      <c r="R960" s="281"/>
      <c r="S960" s="281"/>
      <c r="T960" s="281"/>
      <c r="U960" s="281"/>
      <c r="V960" s="281"/>
      <c r="W960" s="281"/>
      <c r="X960" s="281"/>
      <c r="Y960" s="281"/>
      <c r="Z960" s="281"/>
      <c r="AA960" s="281"/>
      <c r="AB960" s="281"/>
      <c r="AC960" s="281"/>
      <c r="AD960" s="281"/>
      <c r="AE960" s="281"/>
      <c r="AF960" s="281"/>
      <c r="AG960" s="281"/>
      <c r="AH960" s="281"/>
      <c r="AI960" s="281"/>
      <c r="AJ960" s="281"/>
      <c r="AK960" s="137"/>
      <c r="AL960" s="162"/>
    </row>
    <row r="961" spans="1:38" s="76" customFormat="1" ht="13.5" customHeight="1" thickBot="1">
      <c r="C961" s="308"/>
      <c r="D961" s="284"/>
      <c r="E961" s="284"/>
      <c r="F961" s="284"/>
      <c r="G961" s="284"/>
      <c r="H961" s="284"/>
      <c r="I961" s="284"/>
      <c r="J961" s="284"/>
      <c r="K961" s="284"/>
      <c r="L961" s="284"/>
      <c r="M961" s="284"/>
      <c r="N961" s="284"/>
      <c r="O961" s="284"/>
      <c r="P961" s="284"/>
      <c r="Q961" s="284"/>
      <c r="R961" s="284"/>
      <c r="S961" s="284"/>
      <c r="T961" s="284"/>
      <c r="U961" s="284"/>
      <c r="V961" s="284"/>
      <c r="W961" s="284"/>
      <c r="X961" s="284"/>
      <c r="Y961" s="284"/>
      <c r="Z961" s="284"/>
      <c r="AA961" s="284"/>
      <c r="AB961" s="284"/>
      <c r="AC961" s="284"/>
      <c r="AD961" s="284"/>
      <c r="AE961" s="284"/>
      <c r="AF961" s="284"/>
      <c r="AG961" s="284"/>
      <c r="AH961" s="284"/>
      <c r="AI961" s="284"/>
      <c r="AJ961" s="284"/>
      <c r="AK961" s="140"/>
      <c r="AL961" s="171"/>
    </row>
    <row r="962" spans="1:38" s="76" customFormat="1" ht="13.5" customHeight="1" thickTop="1">
      <c r="C962" s="306" t="s">
        <v>432</v>
      </c>
      <c r="D962" s="262"/>
      <c r="E962" s="262"/>
      <c r="F962" s="262"/>
      <c r="G962" s="262"/>
      <c r="H962" s="262"/>
      <c r="I962" s="262"/>
      <c r="J962" s="262"/>
      <c r="K962" s="262"/>
      <c r="L962" s="262"/>
      <c r="M962" s="262"/>
      <c r="N962" s="262"/>
      <c r="O962" s="262"/>
      <c r="P962" s="262"/>
      <c r="Q962" s="262"/>
      <c r="R962" s="262"/>
      <c r="S962" s="262"/>
      <c r="T962" s="262"/>
      <c r="U962" s="262"/>
      <c r="V962" s="262"/>
      <c r="W962" s="262"/>
      <c r="X962" s="262"/>
      <c r="Y962" s="262"/>
      <c r="Z962" s="262"/>
      <c r="AA962" s="262"/>
      <c r="AB962" s="262"/>
      <c r="AC962" s="262"/>
      <c r="AD962" s="262"/>
      <c r="AE962" s="262"/>
      <c r="AF962" s="262"/>
      <c r="AG962" s="262"/>
      <c r="AH962" s="262"/>
      <c r="AI962" s="262"/>
      <c r="AJ962" s="262"/>
      <c r="AK962" s="479"/>
      <c r="AL962" s="480"/>
    </row>
    <row r="963" spans="1:38" s="76" customFormat="1" ht="13.5" customHeight="1" thickBot="1">
      <c r="C963" s="307"/>
      <c r="D963" s="281"/>
      <c r="E963" s="281"/>
      <c r="F963" s="281"/>
      <c r="G963" s="281"/>
      <c r="H963" s="281"/>
      <c r="I963" s="281"/>
      <c r="J963" s="281"/>
      <c r="K963" s="281"/>
      <c r="L963" s="281"/>
      <c r="M963" s="281"/>
      <c r="N963" s="281"/>
      <c r="O963" s="281"/>
      <c r="P963" s="281"/>
      <c r="Q963" s="281"/>
      <c r="R963" s="281"/>
      <c r="S963" s="281"/>
      <c r="T963" s="281"/>
      <c r="U963" s="281"/>
      <c r="V963" s="281"/>
      <c r="W963" s="281"/>
      <c r="X963" s="281"/>
      <c r="Y963" s="281"/>
      <c r="Z963" s="281"/>
      <c r="AA963" s="281"/>
      <c r="AB963" s="281"/>
      <c r="AC963" s="281"/>
      <c r="AD963" s="281"/>
      <c r="AE963" s="281"/>
      <c r="AF963" s="281"/>
      <c r="AG963" s="281"/>
      <c r="AH963" s="281"/>
      <c r="AI963" s="281"/>
      <c r="AJ963" s="281"/>
      <c r="AK963" s="277"/>
      <c r="AL963" s="278"/>
    </row>
    <row r="964" spans="1:38" s="76" customFormat="1" ht="13.5" customHeight="1" thickTop="1">
      <c r="C964" s="307"/>
      <c r="D964" s="281"/>
      <c r="E964" s="281"/>
      <c r="F964" s="281"/>
      <c r="G964" s="281"/>
      <c r="H964" s="281"/>
      <c r="I964" s="281"/>
      <c r="J964" s="281"/>
      <c r="K964" s="281"/>
      <c r="L964" s="281"/>
      <c r="M964" s="281"/>
      <c r="N964" s="281"/>
      <c r="O964" s="281"/>
      <c r="P964" s="281"/>
      <c r="Q964" s="281"/>
      <c r="R964" s="281"/>
      <c r="S964" s="281"/>
      <c r="T964" s="281"/>
      <c r="U964" s="281"/>
      <c r="V964" s="281"/>
      <c r="W964" s="281"/>
      <c r="X964" s="281"/>
      <c r="Y964" s="281"/>
      <c r="Z964" s="281"/>
      <c r="AA964" s="281"/>
      <c r="AB964" s="281"/>
      <c r="AC964" s="281"/>
      <c r="AD964" s="281"/>
      <c r="AE964" s="281"/>
      <c r="AF964" s="281"/>
      <c r="AG964" s="281"/>
      <c r="AH964" s="281"/>
      <c r="AI964" s="281"/>
      <c r="AJ964" s="281"/>
      <c r="AK964" s="137"/>
      <c r="AL964" s="162"/>
    </row>
    <row r="965" spans="1:38" s="76" customFormat="1" ht="13.5" customHeight="1">
      <c r="C965" s="307"/>
      <c r="D965" s="281"/>
      <c r="E965" s="281"/>
      <c r="F965" s="281"/>
      <c r="G965" s="281"/>
      <c r="H965" s="281"/>
      <c r="I965" s="281"/>
      <c r="J965" s="281"/>
      <c r="K965" s="281"/>
      <c r="L965" s="281"/>
      <c r="M965" s="281"/>
      <c r="N965" s="281"/>
      <c r="O965" s="281"/>
      <c r="P965" s="281"/>
      <c r="Q965" s="281"/>
      <c r="R965" s="281"/>
      <c r="S965" s="281"/>
      <c r="T965" s="281"/>
      <c r="U965" s="281"/>
      <c r="V965" s="281"/>
      <c r="W965" s="281"/>
      <c r="X965" s="281"/>
      <c r="Y965" s="281"/>
      <c r="Z965" s="281"/>
      <c r="AA965" s="281"/>
      <c r="AB965" s="281"/>
      <c r="AC965" s="281"/>
      <c r="AD965" s="281"/>
      <c r="AE965" s="281"/>
      <c r="AF965" s="281"/>
      <c r="AG965" s="281"/>
      <c r="AH965" s="281"/>
      <c r="AI965" s="281"/>
      <c r="AJ965" s="281"/>
      <c r="AK965" s="138"/>
      <c r="AL965" s="126"/>
    </row>
    <row r="966" spans="1:38" s="76" customFormat="1" ht="13.5" customHeight="1" thickBot="1">
      <c r="C966" s="308"/>
      <c r="D966" s="284"/>
      <c r="E966" s="284"/>
      <c r="F966" s="284"/>
      <c r="G966" s="284"/>
      <c r="H966" s="284"/>
      <c r="I966" s="284"/>
      <c r="J966" s="284"/>
      <c r="K966" s="284"/>
      <c r="L966" s="284"/>
      <c r="M966" s="284"/>
      <c r="N966" s="284"/>
      <c r="O966" s="284"/>
      <c r="P966" s="284"/>
      <c r="Q966" s="284"/>
      <c r="R966" s="284"/>
      <c r="S966" s="284"/>
      <c r="T966" s="284"/>
      <c r="U966" s="284"/>
      <c r="V966" s="284"/>
      <c r="W966" s="284"/>
      <c r="X966" s="284"/>
      <c r="Y966" s="284"/>
      <c r="Z966" s="284"/>
      <c r="AA966" s="284"/>
      <c r="AB966" s="284"/>
      <c r="AC966" s="284"/>
      <c r="AD966" s="284"/>
      <c r="AE966" s="284"/>
      <c r="AF966" s="284"/>
      <c r="AG966" s="284"/>
      <c r="AH966" s="284"/>
      <c r="AI966" s="284"/>
      <c r="AJ966" s="284"/>
      <c r="AK966" s="138"/>
      <c r="AL966" s="126"/>
    </row>
    <row r="967" spans="1:38" s="76" customFormat="1" ht="13.5" customHeight="1" thickTop="1">
      <c r="C967" s="306" t="s">
        <v>433</v>
      </c>
      <c r="D967" s="262"/>
      <c r="E967" s="262"/>
      <c r="F967" s="262"/>
      <c r="G967" s="262"/>
      <c r="H967" s="262"/>
      <c r="I967" s="262"/>
      <c r="J967" s="262"/>
      <c r="K967" s="262"/>
      <c r="L967" s="262"/>
      <c r="M967" s="262"/>
      <c r="N967" s="262"/>
      <c r="O967" s="262"/>
      <c r="P967" s="262"/>
      <c r="Q967" s="262"/>
      <c r="R967" s="262"/>
      <c r="S967" s="262"/>
      <c r="T967" s="262"/>
      <c r="U967" s="262"/>
      <c r="V967" s="262"/>
      <c r="W967" s="262"/>
      <c r="X967" s="262"/>
      <c r="Y967" s="262"/>
      <c r="Z967" s="262"/>
      <c r="AA967" s="262"/>
      <c r="AB967" s="262"/>
      <c r="AC967" s="262"/>
      <c r="AD967" s="262"/>
      <c r="AE967" s="262"/>
      <c r="AF967" s="262"/>
      <c r="AG967" s="262"/>
      <c r="AH967" s="262"/>
      <c r="AI967" s="262"/>
      <c r="AJ967" s="311"/>
      <c r="AK967" s="275"/>
      <c r="AL967" s="276"/>
    </row>
    <row r="968" spans="1:38" s="76" customFormat="1" ht="13.5" customHeight="1" thickBot="1">
      <c r="C968" s="307"/>
      <c r="D968" s="281"/>
      <c r="E968" s="281"/>
      <c r="F968" s="281"/>
      <c r="G968" s="281"/>
      <c r="H968" s="281"/>
      <c r="I968" s="281"/>
      <c r="J968" s="281"/>
      <c r="K968" s="281"/>
      <c r="L968" s="281"/>
      <c r="M968" s="281"/>
      <c r="N968" s="281"/>
      <c r="O968" s="281"/>
      <c r="P968" s="281"/>
      <c r="Q968" s="281"/>
      <c r="R968" s="281"/>
      <c r="S968" s="281"/>
      <c r="T968" s="281"/>
      <c r="U968" s="281"/>
      <c r="V968" s="281"/>
      <c r="W968" s="281"/>
      <c r="X968" s="281"/>
      <c r="Y968" s="281"/>
      <c r="Z968" s="281"/>
      <c r="AA968" s="281"/>
      <c r="AB968" s="281"/>
      <c r="AC968" s="281"/>
      <c r="AD968" s="281"/>
      <c r="AE968" s="281"/>
      <c r="AF968" s="281"/>
      <c r="AG968" s="281"/>
      <c r="AH968" s="281"/>
      <c r="AI968" s="281"/>
      <c r="AJ968" s="312"/>
      <c r="AK968" s="277"/>
      <c r="AL968" s="278"/>
    </row>
    <row r="969" spans="1:38" s="76" customFormat="1" ht="13.5" customHeight="1" thickTop="1">
      <c r="C969" s="308"/>
      <c r="D969" s="284"/>
      <c r="E969" s="284"/>
      <c r="F969" s="284"/>
      <c r="G969" s="284"/>
      <c r="H969" s="284"/>
      <c r="I969" s="284"/>
      <c r="J969" s="284"/>
      <c r="K969" s="284"/>
      <c r="L969" s="284"/>
      <c r="M969" s="284"/>
      <c r="N969" s="284"/>
      <c r="O969" s="284"/>
      <c r="P969" s="284"/>
      <c r="Q969" s="284"/>
      <c r="R969" s="284"/>
      <c r="S969" s="284"/>
      <c r="T969" s="284"/>
      <c r="U969" s="284"/>
      <c r="V969" s="284"/>
      <c r="W969" s="284"/>
      <c r="X969" s="284"/>
      <c r="Y969" s="284"/>
      <c r="Z969" s="284"/>
      <c r="AA969" s="284"/>
      <c r="AB969" s="284"/>
      <c r="AC969" s="284"/>
      <c r="AD969" s="284"/>
      <c r="AE969" s="284"/>
      <c r="AF969" s="284"/>
      <c r="AG969" s="284"/>
      <c r="AH969" s="284"/>
      <c r="AI969" s="284"/>
      <c r="AJ969" s="284"/>
      <c r="AK969" s="138"/>
      <c r="AL969" s="126"/>
    </row>
    <row r="970" spans="1:38" s="76" customFormat="1" ht="13.5" customHeight="1">
      <c r="C970" s="126"/>
      <c r="D970" s="126"/>
      <c r="E970" s="126"/>
      <c r="F970" s="126"/>
      <c r="G970" s="126"/>
      <c r="H970" s="126"/>
      <c r="I970" s="126"/>
      <c r="J970" s="126"/>
      <c r="K970" s="126"/>
      <c r="L970" s="126"/>
      <c r="M970" s="126"/>
      <c r="N970" s="126"/>
      <c r="O970" s="126"/>
      <c r="P970" s="126"/>
      <c r="Q970" s="126"/>
      <c r="R970" s="126"/>
      <c r="S970" s="126"/>
      <c r="T970" s="126"/>
      <c r="U970" s="126"/>
      <c r="V970" s="126"/>
      <c r="W970" s="126"/>
      <c r="X970" s="126"/>
      <c r="Y970" s="126"/>
      <c r="Z970" s="126"/>
      <c r="AA970" s="126"/>
      <c r="AB970" s="126"/>
      <c r="AC970" s="126"/>
      <c r="AD970" s="133"/>
      <c r="AE970" s="133"/>
      <c r="AF970" s="133"/>
      <c r="AG970" s="133"/>
      <c r="AH970" s="133"/>
      <c r="AI970" s="133"/>
      <c r="AJ970" s="133"/>
      <c r="AK970" s="126"/>
      <c r="AL970" s="126"/>
    </row>
    <row r="971" spans="1:38" s="76" customFormat="1" ht="13.5" customHeight="1">
      <c r="A971" s="127" t="s">
        <v>148</v>
      </c>
    </row>
    <row r="972" spans="1:38" s="76" customFormat="1" ht="13.5" customHeight="1" thickBot="1">
      <c r="A972" s="129" t="s">
        <v>241</v>
      </c>
    </row>
    <row r="973" spans="1:38" s="76" customFormat="1" ht="13.5" customHeight="1" thickTop="1">
      <c r="A973" s="266">
        <v>105</v>
      </c>
      <c r="B973" s="267"/>
      <c r="C973" s="270" t="s">
        <v>580</v>
      </c>
      <c r="D973" s="271"/>
      <c r="E973" s="271"/>
      <c r="F973" s="271"/>
      <c r="G973" s="271"/>
      <c r="H973" s="271"/>
      <c r="I973" s="271"/>
      <c r="J973" s="271"/>
      <c r="K973" s="271"/>
      <c r="L973" s="271"/>
      <c r="M973" s="271"/>
      <c r="N973" s="271"/>
      <c r="O973" s="271"/>
      <c r="P973" s="271"/>
      <c r="Q973" s="271"/>
      <c r="R973" s="271"/>
      <c r="S973" s="271"/>
      <c r="T973" s="271"/>
      <c r="U973" s="271"/>
      <c r="V973" s="271"/>
      <c r="W973" s="271"/>
      <c r="X973" s="271"/>
      <c r="Y973" s="271"/>
      <c r="Z973" s="271"/>
      <c r="AA973" s="271"/>
      <c r="AB973" s="271"/>
      <c r="AC973" s="271"/>
      <c r="AD973" s="271"/>
      <c r="AE973" s="271"/>
      <c r="AF973" s="271"/>
      <c r="AG973" s="271"/>
      <c r="AH973" s="271"/>
      <c r="AI973" s="271"/>
      <c r="AJ973" s="271"/>
      <c r="AK973" s="275"/>
      <c r="AL973" s="276"/>
    </row>
    <row r="974" spans="1:38" s="76" customFormat="1" ht="13.5" customHeight="1" thickBot="1">
      <c r="A974" s="268"/>
      <c r="B974" s="269"/>
      <c r="C974" s="272"/>
      <c r="D974" s="281"/>
      <c r="E974" s="281"/>
      <c r="F974" s="281"/>
      <c r="G974" s="281"/>
      <c r="H974" s="281"/>
      <c r="I974" s="281"/>
      <c r="J974" s="281"/>
      <c r="K974" s="281"/>
      <c r="L974" s="281"/>
      <c r="M974" s="281"/>
      <c r="N974" s="281"/>
      <c r="O974" s="281"/>
      <c r="P974" s="281"/>
      <c r="Q974" s="281"/>
      <c r="R974" s="281"/>
      <c r="S974" s="281"/>
      <c r="T974" s="281"/>
      <c r="U974" s="281"/>
      <c r="V974" s="281"/>
      <c r="W974" s="281"/>
      <c r="X974" s="281"/>
      <c r="Y974" s="281"/>
      <c r="Z974" s="281"/>
      <c r="AA974" s="281"/>
      <c r="AB974" s="281"/>
      <c r="AC974" s="281"/>
      <c r="AD974" s="281"/>
      <c r="AE974" s="281"/>
      <c r="AF974" s="281"/>
      <c r="AG974" s="281"/>
      <c r="AH974" s="281"/>
      <c r="AI974" s="281"/>
      <c r="AJ974" s="281"/>
      <c r="AK974" s="277"/>
      <c r="AL974" s="278"/>
    </row>
    <row r="975" spans="1:38" s="76" customFormat="1" ht="13.5" customHeight="1" thickTop="1">
      <c r="A975" s="166"/>
      <c r="B975" s="165"/>
      <c r="C975" s="272"/>
      <c r="D975" s="281"/>
      <c r="E975" s="281"/>
      <c r="F975" s="281"/>
      <c r="G975" s="281"/>
      <c r="H975" s="281"/>
      <c r="I975" s="281"/>
      <c r="J975" s="281"/>
      <c r="K975" s="281"/>
      <c r="L975" s="281"/>
      <c r="M975" s="281"/>
      <c r="N975" s="281"/>
      <c r="O975" s="281"/>
      <c r="P975" s="281"/>
      <c r="Q975" s="281"/>
      <c r="R975" s="281"/>
      <c r="S975" s="281"/>
      <c r="T975" s="281"/>
      <c r="U975" s="281"/>
      <c r="V975" s="281"/>
      <c r="W975" s="281"/>
      <c r="X975" s="281"/>
      <c r="Y975" s="281"/>
      <c r="Z975" s="281"/>
      <c r="AA975" s="281"/>
      <c r="AB975" s="281"/>
      <c r="AC975" s="281"/>
      <c r="AD975" s="281"/>
      <c r="AE975" s="281"/>
      <c r="AF975" s="281"/>
      <c r="AG975" s="281"/>
      <c r="AH975" s="281"/>
      <c r="AI975" s="281"/>
      <c r="AJ975" s="281"/>
      <c r="AK975" s="130"/>
      <c r="AL975" s="162"/>
    </row>
    <row r="976" spans="1:38" s="76" customFormat="1" ht="13.5" customHeight="1">
      <c r="A976" s="125"/>
      <c r="B976" s="185"/>
      <c r="C976" s="273"/>
      <c r="D976" s="274"/>
      <c r="E976" s="274"/>
      <c r="F976" s="274"/>
      <c r="G976" s="274"/>
      <c r="H976" s="274"/>
      <c r="I976" s="274"/>
      <c r="J976" s="274"/>
      <c r="K976" s="274"/>
      <c r="L976" s="274"/>
      <c r="M976" s="274"/>
      <c r="N976" s="274"/>
      <c r="O976" s="274"/>
      <c r="P976" s="274"/>
      <c r="Q976" s="274"/>
      <c r="R976" s="274"/>
      <c r="S976" s="274"/>
      <c r="T976" s="274"/>
      <c r="U976" s="274"/>
      <c r="V976" s="274"/>
      <c r="W976" s="274"/>
      <c r="X976" s="274"/>
      <c r="Y976" s="274"/>
      <c r="Z976" s="274"/>
      <c r="AA976" s="274"/>
      <c r="AB976" s="274"/>
      <c r="AC976" s="274"/>
      <c r="AD976" s="274"/>
      <c r="AE976" s="274"/>
      <c r="AF976" s="274"/>
      <c r="AG976" s="274"/>
      <c r="AH976" s="274"/>
      <c r="AI976" s="274"/>
      <c r="AJ976" s="274"/>
      <c r="AK976" s="131"/>
      <c r="AL976" s="126"/>
    </row>
    <row r="977" spans="1:38" s="76" customFormat="1" ht="13.5" customHeight="1" thickBot="1">
      <c r="A977" s="125"/>
      <c r="B977" s="125"/>
      <c r="C977" s="133"/>
      <c r="D977" s="133"/>
      <c r="E977" s="133"/>
      <c r="F977" s="133"/>
      <c r="G977" s="133"/>
      <c r="H977" s="133"/>
      <c r="I977" s="133"/>
      <c r="J977" s="133"/>
      <c r="K977" s="133"/>
      <c r="L977" s="133"/>
      <c r="M977" s="133"/>
      <c r="N977" s="133"/>
      <c r="O977" s="133"/>
      <c r="P977" s="133"/>
      <c r="Q977" s="133"/>
      <c r="R977" s="133"/>
      <c r="S977" s="133"/>
      <c r="T977" s="133"/>
      <c r="U977" s="133"/>
      <c r="V977" s="133"/>
      <c r="W977" s="133"/>
      <c r="X977" s="133"/>
      <c r="Y977" s="133"/>
      <c r="Z977" s="133"/>
      <c r="AA977" s="133"/>
      <c r="AB977" s="133"/>
      <c r="AC977" s="133"/>
      <c r="AD977" s="133"/>
      <c r="AE977" s="133"/>
      <c r="AF977" s="133"/>
      <c r="AG977" s="133"/>
      <c r="AH977" s="133"/>
      <c r="AI977" s="133"/>
      <c r="AJ977" s="133"/>
      <c r="AK977" s="126"/>
      <c r="AL977" s="126"/>
    </row>
    <row r="978" spans="1:38" s="76" customFormat="1" ht="13.5" customHeight="1" thickTop="1">
      <c r="C978" s="306" t="s">
        <v>201</v>
      </c>
      <c r="D978" s="262"/>
      <c r="E978" s="262"/>
      <c r="F978" s="262"/>
      <c r="G978" s="262"/>
      <c r="H978" s="262"/>
      <c r="I978" s="262"/>
      <c r="J978" s="262"/>
      <c r="K978" s="262"/>
      <c r="L978" s="262"/>
      <c r="M978" s="262"/>
      <c r="N978" s="262"/>
      <c r="O978" s="262"/>
      <c r="P978" s="262"/>
      <c r="Q978" s="262"/>
      <c r="R978" s="262"/>
      <c r="S978" s="262"/>
      <c r="T978" s="262"/>
      <c r="U978" s="262"/>
      <c r="V978" s="262"/>
      <c r="W978" s="262"/>
      <c r="X978" s="262"/>
      <c r="Y978" s="262"/>
      <c r="Z978" s="262"/>
      <c r="AA978" s="262"/>
      <c r="AB978" s="262"/>
      <c r="AC978" s="262"/>
      <c r="AD978" s="262"/>
      <c r="AE978" s="262"/>
      <c r="AF978" s="262"/>
      <c r="AG978" s="262"/>
      <c r="AH978" s="262"/>
      <c r="AI978" s="262"/>
      <c r="AJ978" s="311"/>
      <c r="AK978" s="275"/>
      <c r="AL978" s="276"/>
    </row>
    <row r="979" spans="1:38" s="76" customFormat="1" ht="13.5" customHeight="1" thickBot="1">
      <c r="C979" s="307"/>
      <c r="D979" s="281"/>
      <c r="E979" s="281"/>
      <c r="F979" s="281"/>
      <c r="G979" s="281"/>
      <c r="H979" s="281"/>
      <c r="I979" s="281"/>
      <c r="J979" s="281"/>
      <c r="K979" s="281"/>
      <c r="L979" s="281"/>
      <c r="M979" s="281"/>
      <c r="N979" s="281"/>
      <c r="O979" s="281"/>
      <c r="P979" s="281"/>
      <c r="Q979" s="281"/>
      <c r="R979" s="281"/>
      <c r="S979" s="281"/>
      <c r="T979" s="281"/>
      <c r="U979" s="281"/>
      <c r="V979" s="281"/>
      <c r="W979" s="281"/>
      <c r="X979" s="281"/>
      <c r="Y979" s="281"/>
      <c r="Z979" s="281"/>
      <c r="AA979" s="281"/>
      <c r="AB979" s="281"/>
      <c r="AC979" s="281"/>
      <c r="AD979" s="281"/>
      <c r="AE979" s="281"/>
      <c r="AF979" s="281"/>
      <c r="AG979" s="281"/>
      <c r="AH979" s="281"/>
      <c r="AI979" s="281"/>
      <c r="AJ979" s="312"/>
      <c r="AK979" s="277"/>
      <c r="AL979" s="278"/>
    </row>
    <row r="980" spans="1:38" s="76" customFormat="1" ht="13.5" customHeight="1" thickTop="1" thickBot="1">
      <c r="C980" s="308"/>
      <c r="D980" s="284"/>
      <c r="E980" s="284"/>
      <c r="F980" s="284"/>
      <c r="G980" s="284"/>
      <c r="H980" s="284"/>
      <c r="I980" s="284"/>
      <c r="J980" s="284"/>
      <c r="K980" s="284"/>
      <c r="L980" s="284"/>
      <c r="M980" s="284"/>
      <c r="N980" s="284"/>
      <c r="O980" s="284"/>
      <c r="P980" s="284"/>
      <c r="Q980" s="284"/>
      <c r="R980" s="284"/>
      <c r="S980" s="284"/>
      <c r="T980" s="284"/>
      <c r="U980" s="284"/>
      <c r="V980" s="284"/>
      <c r="W980" s="284"/>
      <c r="X980" s="284"/>
      <c r="Y980" s="284"/>
      <c r="Z980" s="284"/>
      <c r="AA980" s="284"/>
      <c r="AB980" s="284"/>
      <c r="AC980" s="284"/>
      <c r="AD980" s="284"/>
      <c r="AE980" s="284"/>
      <c r="AF980" s="284"/>
      <c r="AG980" s="284"/>
      <c r="AH980" s="284"/>
      <c r="AI980" s="284"/>
      <c r="AJ980" s="284"/>
      <c r="AK980" s="138"/>
      <c r="AL980" s="126"/>
    </row>
    <row r="981" spans="1:38" s="76" customFormat="1" ht="13.5" customHeight="1" thickTop="1">
      <c r="C981" s="306" t="s">
        <v>202</v>
      </c>
      <c r="D981" s="262"/>
      <c r="E981" s="262"/>
      <c r="F981" s="262"/>
      <c r="G981" s="262"/>
      <c r="H981" s="262"/>
      <c r="I981" s="262"/>
      <c r="J981" s="262"/>
      <c r="K981" s="262"/>
      <c r="L981" s="262"/>
      <c r="M981" s="262"/>
      <c r="N981" s="262"/>
      <c r="O981" s="262"/>
      <c r="P981" s="262"/>
      <c r="Q981" s="262"/>
      <c r="R981" s="262"/>
      <c r="S981" s="262"/>
      <c r="T981" s="262"/>
      <c r="U981" s="262"/>
      <c r="V981" s="262"/>
      <c r="W981" s="262"/>
      <c r="X981" s="262"/>
      <c r="Y981" s="262"/>
      <c r="Z981" s="262"/>
      <c r="AA981" s="262"/>
      <c r="AB981" s="262"/>
      <c r="AC981" s="262"/>
      <c r="AD981" s="262"/>
      <c r="AE981" s="262"/>
      <c r="AF981" s="262"/>
      <c r="AG981" s="262"/>
      <c r="AH981" s="262"/>
      <c r="AI981" s="262"/>
      <c r="AJ981" s="311"/>
      <c r="AK981" s="275"/>
      <c r="AL981" s="276"/>
    </row>
    <row r="982" spans="1:38" s="76" customFormat="1" ht="13.5" customHeight="1" thickBot="1">
      <c r="C982" s="307"/>
      <c r="D982" s="281"/>
      <c r="E982" s="281"/>
      <c r="F982" s="281"/>
      <c r="G982" s="281"/>
      <c r="H982" s="281"/>
      <c r="I982" s="281"/>
      <c r="J982" s="281"/>
      <c r="K982" s="281"/>
      <c r="L982" s="281"/>
      <c r="M982" s="281"/>
      <c r="N982" s="281"/>
      <c r="O982" s="281"/>
      <c r="P982" s="281"/>
      <c r="Q982" s="281"/>
      <c r="R982" s="281"/>
      <c r="S982" s="281"/>
      <c r="T982" s="281"/>
      <c r="U982" s="281"/>
      <c r="V982" s="281"/>
      <c r="W982" s="281"/>
      <c r="X982" s="281"/>
      <c r="Y982" s="281"/>
      <c r="Z982" s="281"/>
      <c r="AA982" s="281"/>
      <c r="AB982" s="281"/>
      <c r="AC982" s="281"/>
      <c r="AD982" s="281"/>
      <c r="AE982" s="281"/>
      <c r="AF982" s="281"/>
      <c r="AG982" s="281"/>
      <c r="AH982" s="281"/>
      <c r="AI982" s="281"/>
      <c r="AJ982" s="312"/>
      <c r="AK982" s="277"/>
      <c r="AL982" s="278"/>
    </row>
    <row r="983" spans="1:38" s="76" customFormat="1" ht="13.5" customHeight="1" thickTop="1">
      <c r="C983" s="307"/>
      <c r="D983" s="281"/>
      <c r="E983" s="281"/>
      <c r="F983" s="281"/>
      <c r="G983" s="281"/>
      <c r="H983" s="281"/>
      <c r="I983" s="281"/>
      <c r="J983" s="281"/>
      <c r="K983" s="281"/>
      <c r="L983" s="281"/>
      <c r="M983" s="281"/>
      <c r="N983" s="281"/>
      <c r="O983" s="281"/>
      <c r="P983" s="281"/>
      <c r="Q983" s="281"/>
      <c r="R983" s="281"/>
      <c r="S983" s="281"/>
      <c r="T983" s="281"/>
      <c r="U983" s="281"/>
      <c r="V983" s="281"/>
      <c r="W983" s="281"/>
      <c r="X983" s="281"/>
      <c r="Y983" s="281"/>
      <c r="Z983" s="281"/>
      <c r="AA983" s="281"/>
      <c r="AB983" s="281"/>
      <c r="AC983" s="281"/>
      <c r="AD983" s="281"/>
      <c r="AE983" s="281"/>
      <c r="AF983" s="281"/>
      <c r="AG983" s="281"/>
      <c r="AH983" s="281"/>
      <c r="AI983" s="281"/>
      <c r="AJ983" s="281"/>
      <c r="AK983" s="137"/>
      <c r="AL983" s="126"/>
    </row>
    <row r="984" spans="1:38" s="76" customFormat="1" ht="13.5" customHeight="1">
      <c r="C984" s="307"/>
      <c r="D984" s="281"/>
      <c r="E984" s="281"/>
      <c r="F984" s="281"/>
      <c r="G984" s="281"/>
      <c r="H984" s="281"/>
      <c r="I984" s="281"/>
      <c r="J984" s="281"/>
      <c r="K984" s="281"/>
      <c r="L984" s="281"/>
      <c r="M984" s="281"/>
      <c r="N984" s="281"/>
      <c r="O984" s="281"/>
      <c r="P984" s="281"/>
      <c r="Q984" s="281"/>
      <c r="R984" s="281"/>
      <c r="S984" s="281"/>
      <c r="T984" s="281"/>
      <c r="U984" s="281"/>
      <c r="V984" s="281"/>
      <c r="W984" s="281"/>
      <c r="X984" s="281"/>
      <c r="Y984" s="281"/>
      <c r="Z984" s="281"/>
      <c r="AA984" s="281"/>
      <c r="AB984" s="281"/>
      <c r="AC984" s="281"/>
      <c r="AD984" s="281"/>
      <c r="AE984" s="281"/>
      <c r="AF984" s="281"/>
      <c r="AG984" s="281"/>
      <c r="AH984" s="281"/>
      <c r="AI984" s="281"/>
      <c r="AJ984" s="281"/>
      <c r="AK984" s="138"/>
      <c r="AL984" s="126"/>
    </row>
    <row r="985" spans="1:38" s="76" customFormat="1" ht="13.5" customHeight="1" thickBot="1">
      <c r="C985" s="308"/>
      <c r="D985" s="284"/>
      <c r="E985" s="284"/>
      <c r="F985" s="284"/>
      <c r="G985" s="284"/>
      <c r="H985" s="284"/>
      <c r="I985" s="284"/>
      <c r="J985" s="284"/>
      <c r="K985" s="284"/>
      <c r="L985" s="284"/>
      <c r="M985" s="284"/>
      <c r="N985" s="284"/>
      <c r="O985" s="284"/>
      <c r="P985" s="284"/>
      <c r="Q985" s="284"/>
      <c r="R985" s="284"/>
      <c r="S985" s="284"/>
      <c r="T985" s="284"/>
      <c r="U985" s="284"/>
      <c r="V985" s="284"/>
      <c r="W985" s="284"/>
      <c r="X985" s="284"/>
      <c r="Y985" s="284"/>
      <c r="Z985" s="284"/>
      <c r="AA985" s="284"/>
      <c r="AB985" s="284"/>
      <c r="AC985" s="284"/>
      <c r="AD985" s="284"/>
      <c r="AE985" s="284"/>
      <c r="AF985" s="284"/>
      <c r="AG985" s="284"/>
      <c r="AH985" s="284"/>
      <c r="AI985" s="284"/>
      <c r="AJ985" s="284"/>
      <c r="AK985" s="138"/>
      <c r="AL985" s="126"/>
    </row>
    <row r="986" spans="1:38" s="76" customFormat="1" ht="13.5" customHeight="1" thickTop="1">
      <c r="C986" s="306" t="s">
        <v>203</v>
      </c>
      <c r="D986" s="262"/>
      <c r="E986" s="262"/>
      <c r="F986" s="262"/>
      <c r="G986" s="262"/>
      <c r="H986" s="262"/>
      <c r="I986" s="262"/>
      <c r="J986" s="262"/>
      <c r="K986" s="262"/>
      <c r="L986" s="262"/>
      <c r="M986" s="262"/>
      <c r="N986" s="262"/>
      <c r="O986" s="262"/>
      <c r="P986" s="262"/>
      <c r="Q986" s="262"/>
      <c r="R986" s="262"/>
      <c r="S986" s="262"/>
      <c r="T986" s="262"/>
      <c r="U986" s="262"/>
      <c r="V986" s="262"/>
      <c r="W986" s="262"/>
      <c r="X986" s="262"/>
      <c r="Y986" s="262"/>
      <c r="Z986" s="262"/>
      <c r="AA986" s="262"/>
      <c r="AB986" s="262"/>
      <c r="AC986" s="262"/>
      <c r="AD986" s="262"/>
      <c r="AE986" s="262"/>
      <c r="AF986" s="262"/>
      <c r="AG986" s="262"/>
      <c r="AH986" s="262"/>
      <c r="AI986" s="262"/>
      <c r="AJ986" s="311"/>
      <c r="AK986" s="275"/>
      <c r="AL986" s="276"/>
    </row>
    <row r="987" spans="1:38" s="76" customFormat="1" ht="13.5" customHeight="1" thickBot="1">
      <c r="C987" s="307"/>
      <c r="D987" s="281"/>
      <c r="E987" s="281"/>
      <c r="F987" s="281"/>
      <c r="G987" s="281"/>
      <c r="H987" s="281"/>
      <c r="I987" s="281"/>
      <c r="J987" s="281"/>
      <c r="K987" s="281"/>
      <c r="L987" s="281"/>
      <c r="M987" s="281"/>
      <c r="N987" s="281"/>
      <c r="O987" s="281"/>
      <c r="P987" s="281"/>
      <c r="Q987" s="281"/>
      <c r="R987" s="281"/>
      <c r="S987" s="281"/>
      <c r="T987" s="281"/>
      <c r="U987" s="281"/>
      <c r="V987" s="281"/>
      <c r="W987" s="281"/>
      <c r="X987" s="281"/>
      <c r="Y987" s="281"/>
      <c r="Z987" s="281"/>
      <c r="AA987" s="281"/>
      <c r="AB987" s="281"/>
      <c r="AC987" s="281"/>
      <c r="AD987" s="281"/>
      <c r="AE987" s="281"/>
      <c r="AF987" s="281"/>
      <c r="AG987" s="281"/>
      <c r="AH987" s="281"/>
      <c r="AI987" s="281"/>
      <c r="AJ987" s="312"/>
      <c r="AK987" s="277"/>
      <c r="AL987" s="278"/>
    </row>
    <row r="988" spans="1:38" s="76" customFormat="1" ht="13.5" customHeight="1" thickTop="1">
      <c r="C988" s="307"/>
      <c r="D988" s="281"/>
      <c r="E988" s="281"/>
      <c r="F988" s="281"/>
      <c r="G988" s="281"/>
      <c r="H988" s="281"/>
      <c r="I988" s="281"/>
      <c r="J988" s="281"/>
      <c r="K988" s="281"/>
      <c r="L988" s="281"/>
      <c r="M988" s="281"/>
      <c r="N988" s="281"/>
      <c r="O988" s="281"/>
      <c r="P988" s="281"/>
      <c r="Q988" s="281"/>
      <c r="R988" s="281"/>
      <c r="S988" s="281"/>
      <c r="T988" s="281"/>
      <c r="U988" s="281"/>
      <c r="V988" s="281"/>
      <c r="W988" s="281"/>
      <c r="X988" s="281"/>
      <c r="Y988" s="281"/>
      <c r="Z988" s="281"/>
      <c r="AA988" s="281"/>
      <c r="AB988" s="281"/>
      <c r="AC988" s="281"/>
      <c r="AD988" s="281"/>
      <c r="AE988" s="281"/>
      <c r="AF988" s="281"/>
      <c r="AG988" s="281"/>
      <c r="AH988" s="281"/>
      <c r="AI988" s="281"/>
      <c r="AJ988" s="281"/>
      <c r="AK988" s="137"/>
      <c r="AL988" s="126"/>
    </row>
    <row r="989" spans="1:38" s="76" customFormat="1" ht="13.5" customHeight="1">
      <c r="C989" s="307"/>
      <c r="D989" s="281"/>
      <c r="E989" s="281"/>
      <c r="F989" s="281"/>
      <c r="G989" s="281"/>
      <c r="H989" s="281"/>
      <c r="I989" s="281"/>
      <c r="J989" s="281"/>
      <c r="K989" s="281"/>
      <c r="L989" s="281"/>
      <c r="M989" s="281"/>
      <c r="N989" s="281"/>
      <c r="O989" s="281"/>
      <c r="P989" s="281"/>
      <c r="Q989" s="281"/>
      <c r="R989" s="281"/>
      <c r="S989" s="281"/>
      <c r="T989" s="281"/>
      <c r="U989" s="281"/>
      <c r="V989" s="281"/>
      <c r="W989" s="281"/>
      <c r="X989" s="281"/>
      <c r="Y989" s="281"/>
      <c r="Z989" s="281"/>
      <c r="AA989" s="281"/>
      <c r="AB989" s="281"/>
      <c r="AC989" s="281"/>
      <c r="AD989" s="281"/>
      <c r="AE989" s="281"/>
      <c r="AF989" s="281"/>
      <c r="AG989" s="281"/>
      <c r="AH989" s="281"/>
      <c r="AI989" s="281"/>
      <c r="AJ989" s="281"/>
      <c r="AK989" s="138"/>
      <c r="AL989" s="126"/>
    </row>
    <row r="990" spans="1:38" s="76" customFormat="1" ht="13.5" customHeight="1">
      <c r="C990" s="308"/>
      <c r="D990" s="284"/>
      <c r="E990" s="284"/>
      <c r="F990" s="284"/>
      <c r="G990" s="284"/>
      <c r="H990" s="284"/>
      <c r="I990" s="284"/>
      <c r="J990" s="284"/>
      <c r="K990" s="284"/>
      <c r="L990" s="284"/>
      <c r="M990" s="284"/>
      <c r="N990" s="284"/>
      <c r="O990" s="284"/>
      <c r="P990" s="284"/>
      <c r="Q990" s="284"/>
      <c r="R990" s="284"/>
      <c r="S990" s="284"/>
      <c r="T990" s="284"/>
      <c r="U990" s="284"/>
      <c r="V990" s="284"/>
      <c r="W990" s="284"/>
      <c r="X990" s="284"/>
      <c r="Y990" s="284"/>
      <c r="Z990" s="284"/>
      <c r="AA990" s="284"/>
      <c r="AB990" s="284"/>
      <c r="AC990" s="284"/>
      <c r="AD990" s="284"/>
      <c r="AE990" s="284"/>
      <c r="AF990" s="284"/>
      <c r="AG990" s="284"/>
      <c r="AH990" s="284"/>
      <c r="AI990" s="284"/>
      <c r="AJ990" s="284"/>
      <c r="AK990" s="138"/>
      <c r="AL990" s="126"/>
    </row>
    <row r="991" spans="1:38" s="76" customFormat="1" ht="13.5" customHeight="1" thickBot="1"/>
    <row r="992" spans="1:38" s="76" customFormat="1" ht="13.5" customHeight="1" thickTop="1">
      <c r="A992" s="266">
        <v>106</v>
      </c>
      <c r="B992" s="302"/>
      <c r="C992" s="270" t="s">
        <v>581</v>
      </c>
      <c r="D992" s="271"/>
      <c r="E992" s="271"/>
      <c r="F992" s="271"/>
      <c r="G992" s="271"/>
      <c r="H992" s="271"/>
      <c r="I992" s="271"/>
      <c r="J992" s="271"/>
      <c r="K992" s="271"/>
      <c r="L992" s="271"/>
      <c r="M992" s="271"/>
      <c r="N992" s="271"/>
      <c r="O992" s="271"/>
      <c r="P992" s="271"/>
      <c r="Q992" s="271"/>
      <c r="R992" s="271"/>
      <c r="S992" s="271"/>
      <c r="T992" s="271"/>
      <c r="U992" s="271"/>
      <c r="V992" s="271"/>
      <c r="W992" s="271"/>
      <c r="X992" s="271"/>
      <c r="Y992" s="271"/>
      <c r="Z992" s="271"/>
      <c r="AA992" s="271"/>
      <c r="AB992" s="271"/>
      <c r="AC992" s="271"/>
      <c r="AD992" s="271"/>
      <c r="AE992" s="271"/>
      <c r="AF992" s="271"/>
      <c r="AG992" s="271"/>
      <c r="AH992" s="271"/>
      <c r="AI992" s="271"/>
      <c r="AJ992" s="271"/>
      <c r="AK992" s="275"/>
      <c r="AL992" s="276"/>
    </row>
    <row r="993" spans="1:38" s="76" customFormat="1" ht="13.5" customHeight="1" thickBot="1">
      <c r="A993" s="268"/>
      <c r="B993" s="303"/>
      <c r="C993" s="273"/>
      <c r="D993" s="274"/>
      <c r="E993" s="274"/>
      <c r="F993" s="274"/>
      <c r="G993" s="274"/>
      <c r="H993" s="274"/>
      <c r="I993" s="274"/>
      <c r="J993" s="274"/>
      <c r="K993" s="274"/>
      <c r="L993" s="274"/>
      <c r="M993" s="274"/>
      <c r="N993" s="274"/>
      <c r="O993" s="274"/>
      <c r="P993" s="274"/>
      <c r="Q993" s="274"/>
      <c r="R993" s="274"/>
      <c r="S993" s="274"/>
      <c r="T993" s="274"/>
      <c r="U993" s="274"/>
      <c r="V993" s="274"/>
      <c r="W993" s="274"/>
      <c r="X993" s="274"/>
      <c r="Y993" s="274"/>
      <c r="Z993" s="274"/>
      <c r="AA993" s="274"/>
      <c r="AB993" s="274"/>
      <c r="AC993" s="274"/>
      <c r="AD993" s="274"/>
      <c r="AE993" s="274"/>
      <c r="AF993" s="274"/>
      <c r="AG993" s="274"/>
      <c r="AH993" s="274"/>
      <c r="AI993" s="274"/>
      <c r="AJ993" s="314"/>
      <c r="AK993" s="277"/>
      <c r="AL993" s="278"/>
    </row>
    <row r="994" spans="1:38" s="76" customFormat="1" ht="13.5" customHeight="1" thickTop="1" thickBot="1">
      <c r="A994" s="125"/>
      <c r="B994" s="125"/>
      <c r="C994" s="133"/>
      <c r="D994" s="133"/>
      <c r="E994" s="133"/>
      <c r="F994" s="133"/>
      <c r="G994" s="133"/>
      <c r="H994" s="133"/>
      <c r="I994" s="133"/>
      <c r="J994" s="133"/>
      <c r="K994" s="133"/>
      <c r="L994" s="133"/>
      <c r="M994" s="133"/>
      <c r="N994" s="133"/>
      <c r="O994" s="133"/>
      <c r="P994" s="133"/>
      <c r="Q994" s="133"/>
      <c r="R994" s="133"/>
      <c r="S994" s="133"/>
      <c r="T994" s="133"/>
      <c r="U994" s="133"/>
      <c r="V994" s="133"/>
      <c r="W994" s="133"/>
      <c r="X994" s="133"/>
      <c r="Y994" s="133"/>
      <c r="Z994" s="133"/>
      <c r="AA994" s="133"/>
      <c r="AB994" s="133"/>
      <c r="AC994" s="133"/>
      <c r="AD994" s="133"/>
      <c r="AE994" s="133"/>
      <c r="AF994" s="133"/>
      <c r="AG994" s="133"/>
      <c r="AH994" s="133"/>
      <c r="AI994" s="133"/>
      <c r="AJ994" s="133"/>
      <c r="AK994" s="126"/>
      <c r="AL994" s="126"/>
    </row>
    <row r="995" spans="1:38" s="76" customFormat="1" ht="13.5" customHeight="1" thickTop="1">
      <c r="A995" s="266">
        <v>107</v>
      </c>
      <c r="B995" s="267"/>
      <c r="C995" s="270" t="s">
        <v>582</v>
      </c>
      <c r="D995" s="271"/>
      <c r="E995" s="271"/>
      <c r="F995" s="271"/>
      <c r="G995" s="271"/>
      <c r="H995" s="271"/>
      <c r="I995" s="271"/>
      <c r="J995" s="271"/>
      <c r="K995" s="271"/>
      <c r="L995" s="271"/>
      <c r="M995" s="271"/>
      <c r="N995" s="271"/>
      <c r="O995" s="271"/>
      <c r="P995" s="271"/>
      <c r="Q995" s="271"/>
      <c r="R995" s="271"/>
      <c r="S995" s="271"/>
      <c r="T995" s="271"/>
      <c r="U995" s="271"/>
      <c r="V995" s="271"/>
      <c r="W995" s="271"/>
      <c r="X995" s="271"/>
      <c r="Y995" s="271"/>
      <c r="Z995" s="271"/>
      <c r="AA995" s="271"/>
      <c r="AB995" s="271"/>
      <c r="AC995" s="271"/>
      <c r="AD995" s="271"/>
      <c r="AE995" s="271"/>
      <c r="AF995" s="271"/>
      <c r="AG995" s="271"/>
      <c r="AH995" s="271"/>
      <c r="AI995" s="271"/>
      <c r="AJ995" s="279"/>
      <c r="AK995" s="275"/>
      <c r="AL995" s="276"/>
    </row>
    <row r="996" spans="1:38" s="76" customFormat="1" ht="13.5" customHeight="1" thickBot="1">
      <c r="A996" s="268"/>
      <c r="B996" s="269"/>
      <c r="C996" s="273"/>
      <c r="D996" s="274"/>
      <c r="E996" s="274"/>
      <c r="F996" s="274"/>
      <c r="G996" s="274"/>
      <c r="H996" s="274"/>
      <c r="I996" s="274"/>
      <c r="J996" s="274"/>
      <c r="K996" s="274"/>
      <c r="L996" s="274"/>
      <c r="M996" s="274"/>
      <c r="N996" s="274"/>
      <c r="O996" s="274"/>
      <c r="P996" s="274"/>
      <c r="Q996" s="274"/>
      <c r="R996" s="274"/>
      <c r="S996" s="274"/>
      <c r="T996" s="274"/>
      <c r="U996" s="274"/>
      <c r="V996" s="274"/>
      <c r="W996" s="274"/>
      <c r="X996" s="274"/>
      <c r="Y996" s="274"/>
      <c r="Z996" s="274"/>
      <c r="AA996" s="274"/>
      <c r="AB996" s="274"/>
      <c r="AC996" s="274"/>
      <c r="AD996" s="274"/>
      <c r="AE996" s="274"/>
      <c r="AF996" s="274"/>
      <c r="AG996" s="274"/>
      <c r="AH996" s="274"/>
      <c r="AI996" s="274"/>
      <c r="AJ996" s="280"/>
      <c r="AK996" s="277"/>
      <c r="AL996" s="278"/>
    </row>
    <row r="997" spans="1:38" s="76" customFormat="1" ht="13.5" customHeight="1" thickTop="1" thickBot="1">
      <c r="A997" s="194"/>
      <c r="B997" s="194"/>
      <c r="C997" s="196"/>
      <c r="D997" s="196"/>
      <c r="E997" s="196"/>
      <c r="F997" s="196"/>
      <c r="G997" s="196"/>
      <c r="H997" s="196"/>
      <c r="I997" s="196"/>
      <c r="J997" s="196"/>
      <c r="K997" s="196"/>
      <c r="L997" s="196"/>
      <c r="M997" s="196"/>
      <c r="N997" s="196"/>
      <c r="O997" s="196"/>
      <c r="P997" s="196"/>
      <c r="Q997" s="196"/>
      <c r="R997" s="196"/>
      <c r="S997" s="196"/>
      <c r="T997" s="196"/>
      <c r="U997" s="196"/>
      <c r="V997" s="196"/>
      <c r="W997" s="196"/>
      <c r="X997" s="196"/>
      <c r="Y997" s="196"/>
      <c r="Z997" s="196"/>
      <c r="AA997" s="196"/>
      <c r="AB997" s="196"/>
      <c r="AC997" s="196"/>
      <c r="AD997" s="196"/>
      <c r="AE997" s="196"/>
      <c r="AF997" s="196"/>
      <c r="AG997" s="196"/>
      <c r="AH997" s="196"/>
      <c r="AI997" s="196"/>
      <c r="AJ997" s="196"/>
      <c r="AK997" s="75"/>
      <c r="AL997" s="75"/>
    </row>
    <row r="998" spans="1:38" s="76" customFormat="1" ht="13.5" customHeight="1" thickTop="1">
      <c r="C998" s="306" t="s">
        <v>430</v>
      </c>
      <c r="D998" s="262"/>
      <c r="E998" s="262"/>
      <c r="F998" s="262"/>
      <c r="G998" s="262"/>
      <c r="H998" s="262"/>
      <c r="I998" s="262"/>
      <c r="J998" s="262"/>
      <c r="K998" s="262"/>
      <c r="L998" s="262"/>
      <c r="M998" s="262"/>
      <c r="N998" s="262"/>
      <c r="O998" s="262"/>
      <c r="P998" s="262"/>
      <c r="Q998" s="262"/>
      <c r="R998" s="262"/>
      <c r="S998" s="262"/>
      <c r="T998" s="262"/>
      <c r="U998" s="262"/>
      <c r="V998" s="262"/>
      <c r="W998" s="262"/>
      <c r="X998" s="262"/>
      <c r="Y998" s="262"/>
      <c r="Z998" s="262"/>
      <c r="AA998" s="262"/>
      <c r="AB998" s="262"/>
      <c r="AC998" s="262"/>
      <c r="AD998" s="262"/>
      <c r="AE998" s="262"/>
      <c r="AF998" s="262"/>
      <c r="AG998" s="262"/>
      <c r="AH998" s="262"/>
      <c r="AI998" s="262"/>
      <c r="AJ998" s="311"/>
      <c r="AK998" s="275"/>
      <c r="AL998" s="276"/>
    </row>
    <row r="999" spans="1:38" s="76" customFormat="1" ht="13.5" customHeight="1" thickBot="1">
      <c r="C999" s="307"/>
      <c r="D999" s="263"/>
      <c r="E999" s="263"/>
      <c r="F999" s="263"/>
      <c r="G999" s="263"/>
      <c r="H999" s="263"/>
      <c r="I999" s="263"/>
      <c r="J999" s="263"/>
      <c r="K999" s="263"/>
      <c r="L999" s="263"/>
      <c r="M999" s="263"/>
      <c r="N999" s="263"/>
      <c r="O999" s="263"/>
      <c r="P999" s="263"/>
      <c r="Q999" s="263"/>
      <c r="R999" s="263"/>
      <c r="S999" s="263"/>
      <c r="T999" s="263"/>
      <c r="U999" s="263"/>
      <c r="V999" s="263"/>
      <c r="W999" s="263"/>
      <c r="X999" s="263"/>
      <c r="Y999" s="263"/>
      <c r="Z999" s="263"/>
      <c r="AA999" s="263"/>
      <c r="AB999" s="263"/>
      <c r="AC999" s="263"/>
      <c r="AD999" s="263"/>
      <c r="AE999" s="263"/>
      <c r="AF999" s="263"/>
      <c r="AG999" s="263"/>
      <c r="AH999" s="263"/>
      <c r="AI999" s="263"/>
      <c r="AJ999" s="312"/>
      <c r="AK999" s="277"/>
      <c r="AL999" s="278"/>
    </row>
    <row r="1000" spans="1:38" s="76" customFormat="1" ht="13.5" customHeight="1" thickTop="1" thickBot="1">
      <c r="C1000" s="308"/>
      <c r="D1000" s="284"/>
      <c r="E1000" s="284"/>
      <c r="F1000" s="284"/>
      <c r="G1000" s="284"/>
      <c r="H1000" s="284"/>
      <c r="I1000" s="284"/>
      <c r="J1000" s="284"/>
      <c r="K1000" s="284"/>
      <c r="L1000" s="284"/>
      <c r="M1000" s="284"/>
      <c r="N1000" s="284"/>
      <c r="O1000" s="284"/>
      <c r="P1000" s="284"/>
      <c r="Q1000" s="284"/>
      <c r="R1000" s="284"/>
      <c r="S1000" s="284"/>
      <c r="T1000" s="284"/>
      <c r="U1000" s="284"/>
      <c r="V1000" s="284"/>
      <c r="W1000" s="284"/>
      <c r="X1000" s="284"/>
      <c r="Y1000" s="284"/>
      <c r="Z1000" s="284"/>
      <c r="AA1000" s="284"/>
      <c r="AB1000" s="284"/>
      <c r="AC1000" s="284"/>
      <c r="AD1000" s="284"/>
      <c r="AE1000" s="284"/>
      <c r="AF1000" s="284"/>
      <c r="AG1000" s="284"/>
      <c r="AH1000" s="284"/>
      <c r="AI1000" s="284"/>
      <c r="AJ1000" s="284"/>
      <c r="AK1000" s="138"/>
      <c r="AL1000" s="75"/>
    </row>
    <row r="1001" spans="1:38" s="76" customFormat="1" ht="13.5" customHeight="1" thickTop="1">
      <c r="C1001" s="306" t="s">
        <v>431</v>
      </c>
      <c r="D1001" s="262"/>
      <c r="E1001" s="262"/>
      <c r="F1001" s="262"/>
      <c r="G1001" s="262"/>
      <c r="H1001" s="262"/>
      <c r="I1001" s="262"/>
      <c r="J1001" s="262"/>
      <c r="K1001" s="262"/>
      <c r="L1001" s="262"/>
      <c r="M1001" s="262"/>
      <c r="N1001" s="262"/>
      <c r="O1001" s="262"/>
      <c r="P1001" s="262"/>
      <c r="Q1001" s="262"/>
      <c r="R1001" s="262"/>
      <c r="S1001" s="262"/>
      <c r="T1001" s="262"/>
      <c r="U1001" s="262"/>
      <c r="V1001" s="262"/>
      <c r="W1001" s="262"/>
      <c r="X1001" s="262"/>
      <c r="Y1001" s="262"/>
      <c r="Z1001" s="262"/>
      <c r="AA1001" s="262"/>
      <c r="AB1001" s="262"/>
      <c r="AC1001" s="262"/>
      <c r="AD1001" s="262"/>
      <c r="AE1001" s="262"/>
      <c r="AF1001" s="262"/>
      <c r="AG1001" s="262"/>
      <c r="AH1001" s="262"/>
      <c r="AI1001" s="262"/>
      <c r="AJ1001" s="311"/>
      <c r="AK1001" s="275"/>
      <c r="AL1001" s="276"/>
    </row>
    <row r="1002" spans="1:38" s="76" customFormat="1" ht="13.5" customHeight="1" thickBot="1">
      <c r="C1002" s="307"/>
      <c r="D1002" s="263"/>
      <c r="E1002" s="263"/>
      <c r="F1002" s="263"/>
      <c r="G1002" s="263"/>
      <c r="H1002" s="263"/>
      <c r="I1002" s="263"/>
      <c r="J1002" s="263"/>
      <c r="K1002" s="263"/>
      <c r="L1002" s="263"/>
      <c r="M1002" s="263"/>
      <c r="N1002" s="263"/>
      <c r="O1002" s="263"/>
      <c r="P1002" s="263"/>
      <c r="Q1002" s="263"/>
      <c r="R1002" s="263"/>
      <c r="S1002" s="263"/>
      <c r="T1002" s="263"/>
      <c r="U1002" s="263"/>
      <c r="V1002" s="263"/>
      <c r="W1002" s="263"/>
      <c r="X1002" s="263"/>
      <c r="Y1002" s="263"/>
      <c r="Z1002" s="263"/>
      <c r="AA1002" s="263"/>
      <c r="AB1002" s="263"/>
      <c r="AC1002" s="263"/>
      <c r="AD1002" s="263"/>
      <c r="AE1002" s="263"/>
      <c r="AF1002" s="263"/>
      <c r="AG1002" s="263"/>
      <c r="AH1002" s="263"/>
      <c r="AI1002" s="263"/>
      <c r="AJ1002" s="312"/>
      <c r="AK1002" s="277"/>
      <c r="AL1002" s="278"/>
    </row>
    <row r="1003" spans="1:38" s="76" customFormat="1" ht="13.5" customHeight="1" thickTop="1">
      <c r="C1003" s="308"/>
      <c r="D1003" s="284"/>
      <c r="E1003" s="284"/>
      <c r="F1003" s="284"/>
      <c r="G1003" s="284"/>
      <c r="H1003" s="284"/>
      <c r="I1003" s="284"/>
      <c r="J1003" s="284"/>
      <c r="K1003" s="284"/>
      <c r="L1003" s="284"/>
      <c r="M1003" s="284"/>
      <c r="N1003" s="284"/>
      <c r="O1003" s="284"/>
      <c r="P1003" s="284"/>
      <c r="Q1003" s="284"/>
      <c r="R1003" s="284"/>
      <c r="S1003" s="284"/>
      <c r="T1003" s="284"/>
      <c r="U1003" s="284"/>
      <c r="V1003" s="284"/>
      <c r="W1003" s="284"/>
      <c r="X1003" s="284"/>
      <c r="Y1003" s="284"/>
      <c r="Z1003" s="284"/>
      <c r="AA1003" s="284"/>
      <c r="AB1003" s="284"/>
      <c r="AC1003" s="284"/>
      <c r="AD1003" s="284"/>
      <c r="AE1003" s="284"/>
      <c r="AF1003" s="284"/>
      <c r="AG1003" s="284"/>
      <c r="AH1003" s="284"/>
      <c r="AI1003" s="284"/>
      <c r="AJ1003" s="284"/>
      <c r="AK1003" s="138"/>
      <c r="AL1003" s="75"/>
    </row>
    <row r="1004" spans="1:38" s="76" customFormat="1" ht="13.5" customHeight="1">
      <c r="C1004" s="133"/>
      <c r="D1004" s="133"/>
      <c r="E1004" s="133"/>
      <c r="F1004" s="133"/>
      <c r="G1004" s="133"/>
      <c r="H1004" s="133"/>
      <c r="I1004" s="133"/>
      <c r="J1004" s="133"/>
      <c r="K1004" s="133"/>
      <c r="L1004" s="133"/>
      <c r="M1004" s="133"/>
      <c r="N1004" s="133"/>
      <c r="O1004" s="133"/>
      <c r="P1004" s="133"/>
      <c r="Q1004" s="133"/>
      <c r="R1004" s="133"/>
      <c r="S1004" s="133"/>
      <c r="T1004" s="133"/>
      <c r="U1004" s="133"/>
      <c r="V1004" s="133"/>
      <c r="W1004" s="133"/>
      <c r="X1004" s="133"/>
      <c r="Y1004" s="133"/>
      <c r="Z1004" s="133"/>
      <c r="AA1004" s="133"/>
      <c r="AB1004" s="133"/>
      <c r="AC1004" s="133"/>
      <c r="AD1004" s="133"/>
      <c r="AE1004" s="133"/>
      <c r="AF1004" s="133"/>
      <c r="AG1004" s="133"/>
      <c r="AH1004" s="133"/>
      <c r="AI1004" s="133"/>
      <c r="AJ1004" s="133"/>
      <c r="AK1004" s="126"/>
      <c r="AL1004" s="75"/>
    </row>
    <row r="1005" spans="1:38" s="76" customFormat="1" ht="13.5" customHeight="1">
      <c r="A1005" s="127" t="s">
        <v>656</v>
      </c>
      <c r="B1005" s="125"/>
      <c r="C1005" s="96"/>
      <c r="D1005" s="96"/>
      <c r="E1005" s="96"/>
      <c r="F1005" s="96"/>
      <c r="G1005" s="96"/>
      <c r="H1005" s="96"/>
      <c r="I1005" s="96"/>
      <c r="J1005" s="96"/>
      <c r="K1005" s="96"/>
      <c r="L1005" s="96"/>
      <c r="M1005" s="96"/>
      <c r="N1005" s="96"/>
      <c r="O1005" s="96"/>
      <c r="P1005" s="96"/>
      <c r="Q1005" s="96"/>
      <c r="R1005" s="96"/>
      <c r="S1005" s="96"/>
      <c r="T1005" s="96"/>
      <c r="U1005" s="96"/>
      <c r="V1005" s="96"/>
      <c r="W1005" s="96"/>
      <c r="X1005" s="96"/>
      <c r="Y1005" s="96"/>
      <c r="Z1005" s="96"/>
      <c r="AA1005" s="96"/>
      <c r="AB1005" s="96"/>
      <c r="AC1005" s="96"/>
    </row>
    <row r="1006" spans="1:38" s="76" customFormat="1" ht="13.5" customHeight="1" thickBot="1">
      <c r="A1006" s="129" t="s">
        <v>657</v>
      </c>
      <c r="B1006" s="125"/>
      <c r="C1006" s="96"/>
      <c r="D1006" s="96"/>
      <c r="E1006" s="96"/>
      <c r="F1006" s="96"/>
      <c r="G1006" s="96"/>
      <c r="H1006" s="96"/>
      <c r="I1006" s="96"/>
      <c r="J1006" s="96"/>
      <c r="K1006" s="96"/>
      <c r="L1006" s="96"/>
      <c r="M1006" s="96"/>
      <c r="N1006" s="96"/>
      <c r="O1006" s="96"/>
      <c r="P1006" s="96"/>
      <c r="Q1006" s="96"/>
      <c r="R1006" s="96"/>
      <c r="S1006" s="96"/>
      <c r="T1006" s="96"/>
      <c r="U1006" s="96"/>
      <c r="V1006" s="96"/>
      <c r="W1006" s="96"/>
      <c r="X1006" s="96"/>
      <c r="Y1006" s="96"/>
      <c r="Z1006" s="96"/>
      <c r="AA1006" s="96"/>
      <c r="AB1006" s="96"/>
      <c r="AC1006" s="96"/>
    </row>
    <row r="1007" spans="1:38" s="76" customFormat="1" ht="13.5" customHeight="1" thickTop="1">
      <c r="A1007" s="266">
        <v>108</v>
      </c>
      <c r="B1007" s="267"/>
      <c r="C1007" s="270" t="s">
        <v>677</v>
      </c>
      <c r="D1007" s="271"/>
      <c r="E1007" s="271"/>
      <c r="F1007" s="271"/>
      <c r="G1007" s="271"/>
      <c r="H1007" s="271"/>
      <c r="I1007" s="271"/>
      <c r="J1007" s="271"/>
      <c r="K1007" s="271"/>
      <c r="L1007" s="271"/>
      <c r="M1007" s="271"/>
      <c r="N1007" s="271"/>
      <c r="O1007" s="271"/>
      <c r="P1007" s="271"/>
      <c r="Q1007" s="271"/>
      <c r="R1007" s="271"/>
      <c r="S1007" s="271"/>
      <c r="T1007" s="271"/>
      <c r="U1007" s="271"/>
      <c r="V1007" s="271"/>
      <c r="W1007" s="271"/>
      <c r="X1007" s="271"/>
      <c r="Y1007" s="271"/>
      <c r="Z1007" s="271"/>
      <c r="AA1007" s="271"/>
      <c r="AB1007" s="271"/>
      <c r="AC1007" s="271"/>
      <c r="AD1007" s="271"/>
      <c r="AE1007" s="271"/>
      <c r="AF1007" s="271"/>
      <c r="AG1007" s="271"/>
      <c r="AH1007" s="271"/>
      <c r="AI1007" s="271"/>
      <c r="AJ1007" s="271"/>
      <c r="AK1007" s="466"/>
      <c r="AL1007" s="467"/>
    </row>
    <row r="1008" spans="1:38" s="76" customFormat="1" ht="13.5" customHeight="1" thickBot="1">
      <c r="A1008" s="268"/>
      <c r="B1008" s="269"/>
      <c r="C1008" s="272"/>
      <c r="D1008" s="281"/>
      <c r="E1008" s="281"/>
      <c r="F1008" s="281"/>
      <c r="G1008" s="281"/>
      <c r="H1008" s="281"/>
      <c r="I1008" s="281"/>
      <c r="J1008" s="281"/>
      <c r="K1008" s="281"/>
      <c r="L1008" s="281"/>
      <c r="M1008" s="281"/>
      <c r="N1008" s="281"/>
      <c r="O1008" s="281"/>
      <c r="P1008" s="281"/>
      <c r="Q1008" s="281"/>
      <c r="R1008" s="281"/>
      <c r="S1008" s="281"/>
      <c r="T1008" s="281"/>
      <c r="U1008" s="281"/>
      <c r="V1008" s="281"/>
      <c r="W1008" s="281"/>
      <c r="X1008" s="281"/>
      <c r="Y1008" s="281"/>
      <c r="Z1008" s="281"/>
      <c r="AA1008" s="281"/>
      <c r="AB1008" s="281"/>
      <c r="AC1008" s="281"/>
      <c r="AD1008" s="281"/>
      <c r="AE1008" s="281"/>
      <c r="AF1008" s="281"/>
      <c r="AG1008" s="281"/>
      <c r="AH1008" s="281"/>
      <c r="AI1008" s="281"/>
      <c r="AJ1008" s="281"/>
      <c r="AK1008" s="470"/>
      <c r="AL1008" s="471"/>
    </row>
    <row r="1009" spans="1:38" s="76" customFormat="1" ht="13.5" customHeight="1" thickTop="1">
      <c r="A1009" s="125"/>
      <c r="B1009" s="185"/>
      <c r="C1009" s="272"/>
      <c r="D1009" s="281"/>
      <c r="E1009" s="281"/>
      <c r="F1009" s="281"/>
      <c r="G1009" s="281"/>
      <c r="H1009" s="281"/>
      <c r="I1009" s="281"/>
      <c r="J1009" s="281"/>
      <c r="K1009" s="281"/>
      <c r="L1009" s="281"/>
      <c r="M1009" s="281"/>
      <c r="N1009" s="281"/>
      <c r="O1009" s="281"/>
      <c r="P1009" s="281"/>
      <c r="Q1009" s="281"/>
      <c r="R1009" s="281"/>
      <c r="S1009" s="281"/>
      <c r="T1009" s="281"/>
      <c r="U1009" s="281"/>
      <c r="V1009" s="281"/>
      <c r="W1009" s="281"/>
      <c r="X1009" s="281"/>
      <c r="Y1009" s="281"/>
      <c r="Z1009" s="281"/>
      <c r="AA1009" s="281"/>
      <c r="AB1009" s="281"/>
      <c r="AC1009" s="281"/>
      <c r="AD1009" s="281"/>
      <c r="AE1009" s="281"/>
      <c r="AF1009" s="281"/>
      <c r="AG1009" s="281"/>
      <c r="AH1009" s="281"/>
      <c r="AI1009" s="281"/>
      <c r="AJ1009" s="281"/>
      <c r="AK1009" s="187"/>
      <c r="AL1009" s="125"/>
    </row>
    <row r="1010" spans="1:38" s="76" customFormat="1" ht="13.5" customHeight="1">
      <c r="A1010" s="125"/>
      <c r="B1010" s="185"/>
      <c r="C1010" s="272"/>
      <c r="D1010" s="281"/>
      <c r="E1010" s="281"/>
      <c r="F1010" s="281"/>
      <c r="G1010" s="281"/>
      <c r="H1010" s="281"/>
      <c r="I1010" s="281"/>
      <c r="J1010" s="281"/>
      <c r="K1010" s="281"/>
      <c r="L1010" s="281"/>
      <c r="M1010" s="281"/>
      <c r="N1010" s="281"/>
      <c r="O1010" s="281"/>
      <c r="P1010" s="281"/>
      <c r="Q1010" s="281"/>
      <c r="R1010" s="281"/>
      <c r="S1010" s="281"/>
      <c r="T1010" s="281"/>
      <c r="U1010" s="281"/>
      <c r="V1010" s="281"/>
      <c r="W1010" s="281"/>
      <c r="X1010" s="281"/>
      <c r="Y1010" s="281"/>
      <c r="Z1010" s="281"/>
      <c r="AA1010" s="281"/>
      <c r="AB1010" s="281"/>
      <c r="AC1010" s="281"/>
      <c r="AD1010" s="281"/>
      <c r="AE1010" s="281"/>
      <c r="AF1010" s="281"/>
      <c r="AG1010" s="281"/>
      <c r="AH1010" s="281"/>
      <c r="AI1010" s="281"/>
      <c r="AJ1010" s="281"/>
      <c r="AK1010" s="188"/>
      <c r="AL1010" s="125"/>
    </row>
    <row r="1011" spans="1:38" s="76" customFormat="1" ht="13.5" customHeight="1">
      <c r="A1011" s="125"/>
      <c r="B1011" s="185"/>
      <c r="C1011" s="272"/>
      <c r="D1011" s="281"/>
      <c r="E1011" s="281"/>
      <c r="F1011" s="281"/>
      <c r="G1011" s="281"/>
      <c r="H1011" s="281"/>
      <c r="I1011" s="281"/>
      <c r="J1011" s="281"/>
      <c r="K1011" s="281"/>
      <c r="L1011" s="281"/>
      <c r="M1011" s="281"/>
      <c r="N1011" s="281"/>
      <c r="O1011" s="281"/>
      <c r="P1011" s="281"/>
      <c r="Q1011" s="281"/>
      <c r="R1011" s="281"/>
      <c r="S1011" s="281"/>
      <c r="T1011" s="281"/>
      <c r="U1011" s="281"/>
      <c r="V1011" s="281"/>
      <c r="W1011" s="281"/>
      <c r="X1011" s="281"/>
      <c r="Y1011" s="281"/>
      <c r="Z1011" s="281"/>
      <c r="AA1011" s="281"/>
      <c r="AB1011" s="281"/>
      <c r="AC1011" s="281"/>
      <c r="AD1011" s="281"/>
      <c r="AE1011" s="281"/>
      <c r="AF1011" s="281"/>
      <c r="AG1011" s="281"/>
      <c r="AH1011" s="281"/>
      <c r="AI1011" s="281"/>
      <c r="AJ1011" s="281"/>
      <c r="AK1011" s="188"/>
      <c r="AL1011" s="125"/>
    </row>
    <row r="1012" spans="1:38" s="76" customFormat="1" ht="13.5" customHeight="1">
      <c r="A1012" s="125"/>
      <c r="B1012" s="185"/>
      <c r="C1012" s="272"/>
      <c r="D1012" s="281"/>
      <c r="E1012" s="281"/>
      <c r="F1012" s="281"/>
      <c r="G1012" s="281"/>
      <c r="H1012" s="281"/>
      <c r="I1012" s="281"/>
      <c r="J1012" s="281"/>
      <c r="K1012" s="281"/>
      <c r="L1012" s="281"/>
      <c r="M1012" s="281"/>
      <c r="N1012" s="281"/>
      <c r="O1012" s="281"/>
      <c r="P1012" s="281"/>
      <c r="Q1012" s="281"/>
      <c r="R1012" s="281"/>
      <c r="S1012" s="281"/>
      <c r="T1012" s="281"/>
      <c r="U1012" s="281"/>
      <c r="V1012" s="281"/>
      <c r="W1012" s="281"/>
      <c r="X1012" s="281"/>
      <c r="Y1012" s="281"/>
      <c r="Z1012" s="281"/>
      <c r="AA1012" s="281"/>
      <c r="AB1012" s="281"/>
      <c r="AC1012" s="281"/>
      <c r="AD1012" s="281"/>
      <c r="AE1012" s="281"/>
      <c r="AF1012" s="281"/>
      <c r="AG1012" s="281"/>
      <c r="AH1012" s="281"/>
      <c r="AI1012" s="281"/>
      <c r="AJ1012" s="281"/>
      <c r="AK1012" s="188"/>
      <c r="AL1012" s="125"/>
    </row>
    <row r="1013" spans="1:38" s="76" customFormat="1" ht="13.5" customHeight="1">
      <c r="A1013" s="126"/>
      <c r="B1013" s="198"/>
      <c r="C1013" s="273"/>
      <c r="D1013" s="274"/>
      <c r="E1013" s="274"/>
      <c r="F1013" s="274"/>
      <c r="G1013" s="274"/>
      <c r="H1013" s="274"/>
      <c r="I1013" s="274"/>
      <c r="J1013" s="274"/>
      <c r="K1013" s="274"/>
      <c r="L1013" s="274"/>
      <c r="M1013" s="274"/>
      <c r="N1013" s="274"/>
      <c r="O1013" s="274"/>
      <c r="P1013" s="274"/>
      <c r="Q1013" s="274"/>
      <c r="R1013" s="274"/>
      <c r="S1013" s="274"/>
      <c r="T1013" s="274"/>
      <c r="U1013" s="274"/>
      <c r="V1013" s="274"/>
      <c r="W1013" s="274"/>
      <c r="X1013" s="274"/>
      <c r="Y1013" s="274"/>
      <c r="Z1013" s="274"/>
      <c r="AA1013" s="274"/>
      <c r="AB1013" s="274"/>
      <c r="AC1013" s="274"/>
      <c r="AD1013" s="274"/>
      <c r="AE1013" s="274"/>
      <c r="AF1013" s="274"/>
      <c r="AG1013" s="274"/>
      <c r="AH1013" s="274"/>
      <c r="AI1013" s="274"/>
      <c r="AJ1013" s="274"/>
      <c r="AK1013" s="131"/>
      <c r="AL1013" s="126"/>
    </row>
    <row r="1014" spans="1:38" s="76" customFormat="1" ht="13.5" customHeight="1">
      <c r="A1014" s="125"/>
      <c r="B1014" s="125"/>
      <c r="C1014" s="125" t="s">
        <v>59</v>
      </c>
      <c r="D1014" s="565" t="s">
        <v>658</v>
      </c>
      <c r="E1014" s="565"/>
      <c r="F1014" s="565"/>
      <c r="G1014" s="565"/>
      <c r="H1014" s="565"/>
      <c r="I1014" s="565"/>
      <c r="J1014" s="565"/>
      <c r="K1014" s="565"/>
      <c r="L1014" s="565"/>
      <c r="M1014" s="565"/>
      <c r="N1014" s="565"/>
      <c r="O1014" s="565"/>
      <c r="P1014" s="565"/>
      <c r="Q1014" s="565"/>
      <c r="R1014" s="565"/>
      <c r="S1014" s="565"/>
      <c r="T1014" s="565"/>
      <c r="U1014" s="565"/>
      <c r="V1014" s="565"/>
      <c r="W1014" s="565"/>
      <c r="X1014" s="565"/>
      <c r="Y1014" s="565"/>
      <c r="Z1014" s="565"/>
      <c r="AA1014" s="565"/>
      <c r="AB1014" s="565"/>
      <c r="AC1014" s="565"/>
      <c r="AD1014" s="565"/>
      <c r="AE1014" s="565"/>
      <c r="AF1014" s="565"/>
      <c r="AG1014" s="565"/>
      <c r="AH1014" s="565"/>
      <c r="AI1014" s="565"/>
      <c r="AJ1014" s="565"/>
    </row>
    <row r="1015" spans="1:38" s="76" customFormat="1" ht="13.5" customHeight="1">
      <c r="A1015" s="125"/>
      <c r="B1015" s="125"/>
      <c r="C1015" s="125"/>
      <c r="D1015" s="566"/>
      <c r="E1015" s="566"/>
      <c r="F1015" s="566"/>
      <c r="G1015" s="566"/>
      <c r="H1015" s="566"/>
      <c r="I1015" s="566"/>
      <c r="J1015" s="566"/>
      <c r="K1015" s="566"/>
      <c r="L1015" s="566"/>
      <c r="M1015" s="566"/>
      <c r="N1015" s="566"/>
      <c r="O1015" s="566"/>
      <c r="P1015" s="566"/>
      <c r="Q1015" s="566"/>
      <c r="R1015" s="566"/>
      <c r="S1015" s="566"/>
      <c r="T1015" s="566"/>
      <c r="U1015" s="566"/>
      <c r="V1015" s="566"/>
      <c r="W1015" s="566"/>
      <c r="X1015" s="566"/>
      <c r="Y1015" s="566"/>
      <c r="Z1015" s="566"/>
      <c r="AA1015" s="566"/>
      <c r="AB1015" s="566"/>
      <c r="AC1015" s="566"/>
      <c r="AD1015" s="566"/>
      <c r="AE1015" s="566"/>
      <c r="AF1015" s="566"/>
      <c r="AG1015" s="566"/>
      <c r="AH1015" s="566"/>
      <c r="AI1015" s="566"/>
      <c r="AJ1015" s="566"/>
    </row>
    <row r="1016" spans="1:38" s="76" customFormat="1" ht="13.5" customHeight="1">
      <c r="A1016" s="125"/>
      <c r="B1016" s="125"/>
      <c r="C1016" s="96"/>
      <c r="D1016" s="96"/>
      <c r="E1016" s="96"/>
      <c r="F1016" s="96"/>
      <c r="G1016" s="96"/>
      <c r="H1016" s="96"/>
      <c r="I1016" s="96"/>
      <c r="J1016" s="96"/>
      <c r="K1016" s="96"/>
      <c r="L1016" s="96"/>
      <c r="M1016" s="96"/>
      <c r="N1016" s="96"/>
      <c r="O1016" s="96"/>
      <c r="P1016" s="96"/>
      <c r="Q1016" s="96"/>
      <c r="R1016" s="96"/>
      <c r="S1016" s="96"/>
      <c r="T1016" s="96"/>
      <c r="U1016" s="96"/>
      <c r="V1016" s="96"/>
      <c r="W1016" s="96"/>
      <c r="X1016" s="96"/>
      <c r="Y1016" s="96"/>
      <c r="Z1016" s="96"/>
      <c r="AA1016" s="96"/>
      <c r="AB1016" s="96"/>
      <c r="AC1016" s="96"/>
    </row>
    <row r="1017" spans="1:38" s="76" customFormat="1" ht="13.5" customHeight="1">
      <c r="A1017" s="163" t="s">
        <v>659</v>
      </c>
      <c r="B1017" s="125"/>
      <c r="C1017" s="96"/>
      <c r="D1017" s="96"/>
      <c r="E1017" s="96"/>
      <c r="F1017" s="96"/>
      <c r="G1017" s="96"/>
      <c r="H1017" s="96"/>
      <c r="I1017" s="96"/>
      <c r="J1017" s="96"/>
      <c r="K1017" s="96"/>
      <c r="L1017" s="96"/>
      <c r="M1017" s="96"/>
      <c r="N1017" s="96"/>
      <c r="O1017" s="96"/>
      <c r="P1017" s="96"/>
      <c r="Q1017" s="96"/>
      <c r="R1017" s="96"/>
      <c r="S1017" s="96"/>
      <c r="T1017" s="96"/>
      <c r="U1017" s="96"/>
      <c r="V1017" s="96"/>
      <c r="W1017" s="96"/>
      <c r="X1017" s="96"/>
      <c r="Y1017" s="96"/>
      <c r="Z1017" s="96"/>
      <c r="AA1017" s="96"/>
      <c r="AB1017" s="96"/>
      <c r="AC1017" s="96"/>
    </row>
    <row r="1018" spans="1:38" s="76" customFormat="1" ht="13.5" customHeight="1" thickBot="1">
      <c r="A1018" s="129" t="s">
        <v>660</v>
      </c>
      <c r="B1018" s="125"/>
      <c r="C1018" s="96"/>
      <c r="D1018" s="96"/>
      <c r="E1018" s="96"/>
      <c r="F1018" s="96"/>
      <c r="G1018" s="96"/>
      <c r="H1018" s="96"/>
      <c r="I1018" s="96"/>
      <c r="J1018" s="96"/>
      <c r="K1018" s="96"/>
      <c r="L1018" s="96"/>
      <c r="M1018" s="96"/>
      <c r="N1018" s="96"/>
      <c r="O1018" s="96"/>
      <c r="P1018" s="96"/>
      <c r="Q1018" s="96"/>
      <c r="R1018" s="96"/>
      <c r="S1018" s="96"/>
      <c r="T1018" s="96"/>
      <c r="U1018" s="96"/>
      <c r="V1018" s="96"/>
      <c r="W1018" s="96"/>
      <c r="X1018" s="96"/>
      <c r="Y1018" s="96"/>
      <c r="Z1018" s="96"/>
      <c r="AA1018" s="96"/>
      <c r="AB1018" s="96"/>
      <c r="AC1018" s="96"/>
    </row>
    <row r="1019" spans="1:38" s="76" customFormat="1" ht="13.5" customHeight="1" thickTop="1">
      <c r="A1019" s="266">
        <v>109</v>
      </c>
      <c r="B1019" s="302"/>
      <c r="C1019" s="270" t="s">
        <v>661</v>
      </c>
      <c r="D1019" s="271"/>
      <c r="E1019" s="271"/>
      <c r="F1019" s="271"/>
      <c r="G1019" s="271"/>
      <c r="H1019" s="271"/>
      <c r="I1019" s="271"/>
      <c r="J1019" s="271"/>
      <c r="K1019" s="271"/>
      <c r="L1019" s="271"/>
      <c r="M1019" s="271"/>
      <c r="N1019" s="271"/>
      <c r="O1019" s="271"/>
      <c r="P1019" s="271"/>
      <c r="Q1019" s="271"/>
      <c r="R1019" s="271"/>
      <c r="S1019" s="271"/>
      <c r="T1019" s="271"/>
      <c r="U1019" s="271"/>
      <c r="V1019" s="271"/>
      <c r="W1019" s="271"/>
      <c r="X1019" s="271"/>
      <c r="Y1019" s="271"/>
      <c r="Z1019" s="271"/>
      <c r="AA1019" s="271"/>
      <c r="AB1019" s="271"/>
      <c r="AC1019" s="271"/>
      <c r="AD1019" s="271"/>
      <c r="AE1019" s="271"/>
      <c r="AF1019" s="271"/>
      <c r="AG1019" s="271"/>
      <c r="AH1019" s="271"/>
      <c r="AI1019" s="271"/>
      <c r="AJ1019" s="271"/>
      <c r="AK1019" s="275"/>
      <c r="AL1019" s="276"/>
    </row>
    <row r="1020" spans="1:38" s="76" customFormat="1" ht="13.5" customHeight="1" thickBot="1">
      <c r="A1020" s="268"/>
      <c r="B1020" s="303"/>
      <c r="C1020" s="272"/>
      <c r="D1020" s="281"/>
      <c r="E1020" s="281"/>
      <c r="F1020" s="281"/>
      <c r="G1020" s="281"/>
      <c r="H1020" s="281"/>
      <c r="I1020" s="281"/>
      <c r="J1020" s="281"/>
      <c r="K1020" s="281"/>
      <c r="L1020" s="281"/>
      <c r="M1020" s="281"/>
      <c r="N1020" s="281"/>
      <c r="O1020" s="281"/>
      <c r="P1020" s="281"/>
      <c r="Q1020" s="281"/>
      <c r="R1020" s="281"/>
      <c r="S1020" s="281"/>
      <c r="T1020" s="281"/>
      <c r="U1020" s="281"/>
      <c r="V1020" s="281"/>
      <c r="W1020" s="281"/>
      <c r="X1020" s="281"/>
      <c r="Y1020" s="281"/>
      <c r="Z1020" s="281"/>
      <c r="AA1020" s="281"/>
      <c r="AB1020" s="281"/>
      <c r="AC1020" s="281"/>
      <c r="AD1020" s="281"/>
      <c r="AE1020" s="281"/>
      <c r="AF1020" s="281"/>
      <c r="AG1020" s="281"/>
      <c r="AH1020" s="281"/>
      <c r="AI1020" s="281"/>
      <c r="AJ1020" s="281"/>
      <c r="AK1020" s="277"/>
      <c r="AL1020" s="278"/>
    </row>
    <row r="1021" spans="1:38" s="76" customFormat="1" ht="13.5" customHeight="1" thickTop="1">
      <c r="A1021" s="125"/>
      <c r="B1021" s="125"/>
      <c r="C1021" s="272"/>
      <c r="D1021" s="281"/>
      <c r="E1021" s="281"/>
      <c r="F1021" s="281"/>
      <c r="G1021" s="281"/>
      <c r="H1021" s="281"/>
      <c r="I1021" s="281"/>
      <c r="J1021" s="281"/>
      <c r="K1021" s="281"/>
      <c r="L1021" s="281"/>
      <c r="M1021" s="281"/>
      <c r="N1021" s="281"/>
      <c r="O1021" s="281"/>
      <c r="P1021" s="281"/>
      <c r="Q1021" s="281"/>
      <c r="R1021" s="281"/>
      <c r="S1021" s="281"/>
      <c r="T1021" s="281"/>
      <c r="U1021" s="281"/>
      <c r="V1021" s="281"/>
      <c r="W1021" s="281"/>
      <c r="X1021" s="281"/>
      <c r="Y1021" s="281"/>
      <c r="Z1021" s="281"/>
      <c r="AA1021" s="281"/>
      <c r="AB1021" s="281"/>
      <c r="AC1021" s="281"/>
      <c r="AD1021" s="281"/>
      <c r="AE1021" s="281"/>
      <c r="AF1021" s="281"/>
      <c r="AG1021" s="281"/>
      <c r="AH1021" s="281"/>
      <c r="AI1021" s="281"/>
      <c r="AJ1021" s="281"/>
      <c r="AK1021" s="130"/>
      <c r="AL1021" s="126"/>
    </row>
    <row r="1022" spans="1:38" s="76" customFormat="1" ht="13.5" customHeight="1">
      <c r="A1022" s="125"/>
      <c r="B1022" s="125"/>
      <c r="C1022" s="273"/>
      <c r="D1022" s="274"/>
      <c r="E1022" s="274"/>
      <c r="F1022" s="274"/>
      <c r="G1022" s="274"/>
      <c r="H1022" s="274"/>
      <c r="I1022" s="274"/>
      <c r="J1022" s="274"/>
      <c r="K1022" s="274"/>
      <c r="L1022" s="274"/>
      <c r="M1022" s="274"/>
      <c r="N1022" s="274"/>
      <c r="O1022" s="274"/>
      <c r="P1022" s="274"/>
      <c r="Q1022" s="274"/>
      <c r="R1022" s="274"/>
      <c r="S1022" s="274"/>
      <c r="T1022" s="274"/>
      <c r="U1022" s="274"/>
      <c r="V1022" s="274"/>
      <c r="W1022" s="274"/>
      <c r="X1022" s="274"/>
      <c r="Y1022" s="274"/>
      <c r="Z1022" s="274"/>
      <c r="AA1022" s="274"/>
      <c r="AB1022" s="274"/>
      <c r="AC1022" s="274"/>
      <c r="AD1022" s="274"/>
      <c r="AE1022" s="274"/>
      <c r="AF1022" s="274"/>
      <c r="AG1022" s="274"/>
      <c r="AH1022" s="274"/>
      <c r="AI1022" s="274"/>
      <c r="AJ1022" s="274"/>
      <c r="AK1022" s="131"/>
      <c r="AL1022" s="126"/>
    </row>
    <row r="1023" spans="1:38" s="76" customFormat="1" ht="13.5" customHeight="1">
      <c r="A1023" s="125"/>
      <c r="B1023" s="125"/>
      <c r="C1023" s="199" t="s">
        <v>59</v>
      </c>
      <c r="D1023" s="565" t="s">
        <v>662</v>
      </c>
      <c r="E1023" s="565"/>
      <c r="F1023" s="565"/>
      <c r="G1023" s="565"/>
      <c r="H1023" s="565"/>
      <c r="I1023" s="565"/>
      <c r="J1023" s="565"/>
      <c r="K1023" s="565"/>
      <c r="L1023" s="565"/>
      <c r="M1023" s="565"/>
      <c r="N1023" s="565"/>
      <c r="O1023" s="565"/>
      <c r="P1023" s="565"/>
      <c r="Q1023" s="565"/>
      <c r="R1023" s="565"/>
      <c r="S1023" s="565"/>
      <c r="T1023" s="565"/>
      <c r="U1023" s="565"/>
      <c r="V1023" s="565"/>
      <c r="W1023" s="565"/>
      <c r="X1023" s="565"/>
      <c r="Y1023" s="565"/>
      <c r="Z1023" s="565"/>
      <c r="AA1023" s="565"/>
      <c r="AB1023" s="565"/>
      <c r="AC1023" s="565"/>
      <c r="AD1023" s="565"/>
      <c r="AE1023" s="565"/>
      <c r="AF1023" s="565"/>
      <c r="AG1023" s="565"/>
      <c r="AH1023" s="565"/>
      <c r="AI1023" s="565"/>
      <c r="AJ1023" s="565"/>
    </row>
    <row r="1024" spans="1:38" s="76" customFormat="1" ht="13.5" customHeight="1">
      <c r="A1024" s="125"/>
      <c r="B1024" s="125"/>
      <c r="C1024" s="200"/>
      <c r="D1024" s="566"/>
      <c r="E1024" s="566"/>
      <c r="F1024" s="566"/>
      <c r="G1024" s="566"/>
      <c r="H1024" s="566"/>
      <c r="I1024" s="566"/>
      <c r="J1024" s="566"/>
      <c r="K1024" s="566"/>
      <c r="L1024" s="566"/>
      <c r="M1024" s="566"/>
      <c r="N1024" s="566"/>
      <c r="O1024" s="566"/>
      <c r="P1024" s="566"/>
      <c r="Q1024" s="566"/>
      <c r="R1024" s="566"/>
      <c r="S1024" s="566"/>
      <c r="T1024" s="566"/>
      <c r="U1024" s="566"/>
      <c r="V1024" s="566"/>
      <c r="W1024" s="566"/>
      <c r="X1024" s="566"/>
      <c r="Y1024" s="566"/>
      <c r="Z1024" s="566"/>
      <c r="AA1024" s="566"/>
      <c r="AB1024" s="566"/>
      <c r="AC1024" s="566"/>
      <c r="AD1024" s="566"/>
      <c r="AE1024" s="566"/>
      <c r="AF1024" s="566"/>
      <c r="AG1024" s="566"/>
      <c r="AH1024" s="566"/>
      <c r="AI1024" s="566"/>
      <c r="AJ1024" s="566"/>
    </row>
    <row r="1025" spans="1:38" s="76" customFormat="1" ht="13.5" customHeight="1">
      <c r="C1025" s="133"/>
      <c r="D1025" s="133"/>
      <c r="E1025" s="133"/>
      <c r="F1025" s="133"/>
      <c r="G1025" s="133"/>
      <c r="H1025" s="133"/>
      <c r="I1025" s="133"/>
      <c r="J1025" s="133"/>
      <c r="K1025" s="133"/>
      <c r="L1025" s="133"/>
      <c r="M1025" s="133"/>
      <c r="N1025" s="133"/>
      <c r="O1025" s="133"/>
      <c r="P1025" s="133"/>
      <c r="Q1025" s="133"/>
      <c r="R1025" s="133"/>
      <c r="S1025" s="133"/>
      <c r="T1025" s="133"/>
      <c r="U1025" s="133"/>
      <c r="V1025" s="133"/>
      <c r="W1025" s="133"/>
      <c r="X1025" s="133"/>
      <c r="Y1025" s="133"/>
      <c r="Z1025" s="133"/>
      <c r="AA1025" s="133"/>
      <c r="AB1025" s="133"/>
      <c r="AC1025" s="133"/>
      <c r="AD1025" s="133"/>
      <c r="AE1025" s="133"/>
      <c r="AF1025" s="133"/>
      <c r="AG1025" s="133"/>
      <c r="AH1025" s="133"/>
      <c r="AI1025" s="133"/>
      <c r="AJ1025" s="133"/>
      <c r="AK1025" s="126"/>
      <c r="AL1025" s="75"/>
    </row>
    <row r="1026" spans="1:38" s="76" customFormat="1" ht="13.5" customHeight="1">
      <c r="A1026" s="127" t="s">
        <v>149</v>
      </c>
    </row>
    <row r="1027" spans="1:38" s="76" customFormat="1" ht="13.5" customHeight="1" thickBot="1">
      <c r="A1027" s="129" t="s">
        <v>242</v>
      </c>
    </row>
    <row r="1028" spans="1:38" s="76" customFormat="1" ht="13.5" customHeight="1" thickTop="1">
      <c r="A1028" s="266">
        <v>110</v>
      </c>
      <c r="B1028" s="302"/>
      <c r="C1028" s="270" t="s">
        <v>583</v>
      </c>
      <c r="D1028" s="271"/>
      <c r="E1028" s="271"/>
      <c r="F1028" s="271"/>
      <c r="G1028" s="271"/>
      <c r="H1028" s="271"/>
      <c r="I1028" s="271"/>
      <c r="J1028" s="271"/>
      <c r="K1028" s="271"/>
      <c r="L1028" s="271"/>
      <c r="M1028" s="271"/>
      <c r="N1028" s="271"/>
      <c r="O1028" s="271"/>
      <c r="P1028" s="271"/>
      <c r="Q1028" s="271"/>
      <c r="R1028" s="271"/>
      <c r="S1028" s="271"/>
      <c r="T1028" s="271"/>
      <c r="U1028" s="271"/>
      <c r="V1028" s="271"/>
      <c r="W1028" s="271"/>
      <c r="X1028" s="271"/>
      <c r="Y1028" s="271"/>
      <c r="Z1028" s="271"/>
      <c r="AA1028" s="271"/>
      <c r="AB1028" s="271"/>
      <c r="AC1028" s="271"/>
      <c r="AD1028" s="271"/>
      <c r="AE1028" s="271"/>
      <c r="AF1028" s="271"/>
      <c r="AG1028" s="271"/>
      <c r="AH1028" s="271"/>
      <c r="AI1028" s="271"/>
      <c r="AJ1028" s="271"/>
      <c r="AK1028" s="275"/>
      <c r="AL1028" s="276"/>
    </row>
    <row r="1029" spans="1:38" s="76" customFormat="1" ht="13.5" customHeight="1" thickBot="1">
      <c r="A1029" s="268"/>
      <c r="B1029" s="303"/>
      <c r="C1029" s="272"/>
      <c r="D1029" s="281"/>
      <c r="E1029" s="281"/>
      <c r="F1029" s="281"/>
      <c r="G1029" s="281"/>
      <c r="H1029" s="281"/>
      <c r="I1029" s="281"/>
      <c r="J1029" s="281"/>
      <c r="K1029" s="281"/>
      <c r="L1029" s="281"/>
      <c r="M1029" s="281"/>
      <c r="N1029" s="281"/>
      <c r="O1029" s="281"/>
      <c r="P1029" s="281"/>
      <c r="Q1029" s="281"/>
      <c r="R1029" s="281"/>
      <c r="S1029" s="281"/>
      <c r="T1029" s="281"/>
      <c r="U1029" s="281"/>
      <c r="V1029" s="281"/>
      <c r="W1029" s="281"/>
      <c r="X1029" s="281"/>
      <c r="Y1029" s="281"/>
      <c r="Z1029" s="281"/>
      <c r="AA1029" s="281"/>
      <c r="AB1029" s="281"/>
      <c r="AC1029" s="281"/>
      <c r="AD1029" s="281"/>
      <c r="AE1029" s="281"/>
      <c r="AF1029" s="281"/>
      <c r="AG1029" s="281"/>
      <c r="AH1029" s="281"/>
      <c r="AI1029" s="281"/>
      <c r="AJ1029" s="281"/>
      <c r="AK1029" s="277"/>
      <c r="AL1029" s="278"/>
    </row>
    <row r="1030" spans="1:38" s="76" customFormat="1" ht="13.5" customHeight="1" thickTop="1">
      <c r="A1030" s="125"/>
      <c r="B1030" s="125"/>
      <c r="C1030" s="272"/>
      <c r="D1030" s="281"/>
      <c r="E1030" s="281"/>
      <c r="F1030" s="281"/>
      <c r="G1030" s="281"/>
      <c r="H1030" s="281"/>
      <c r="I1030" s="281"/>
      <c r="J1030" s="281"/>
      <c r="K1030" s="281"/>
      <c r="L1030" s="281"/>
      <c r="M1030" s="281"/>
      <c r="N1030" s="281"/>
      <c r="O1030" s="281"/>
      <c r="P1030" s="281"/>
      <c r="Q1030" s="281"/>
      <c r="R1030" s="281"/>
      <c r="S1030" s="281"/>
      <c r="T1030" s="281"/>
      <c r="U1030" s="281"/>
      <c r="V1030" s="281"/>
      <c r="W1030" s="281"/>
      <c r="X1030" s="281"/>
      <c r="Y1030" s="281"/>
      <c r="Z1030" s="281"/>
      <c r="AA1030" s="281"/>
      <c r="AB1030" s="281"/>
      <c r="AC1030" s="281"/>
      <c r="AD1030" s="281"/>
      <c r="AE1030" s="281"/>
      <c r="AF1030" s="281"/>
      <c r="AG1030" s="281"/>
      <c r="AH1030" s="281"/>
      <c r="AI1030" s="281"/>
      <c r="AJ1030" s="281"/>
      <c r="AK1030" s="130"/>
      <c r="AL1030" s="126"/>
    </row>
    <row r="1031" spans="1:38" s="76" customFormat="1" ht="13.5" customHeight="1">
      <c r="C1031" s="273"/>
      <c r="D1031" s="274"/>
      <c r="E1031" s="274"/>
      <c r="F1031" s="274"/>
      <c r="G1031" s="274"/>
      <c r="H1031" s="274"/>
      <c r="I1031" s="274"/>
      <c r="J1031" s="274"/>
      <c r="K1031" s="274"/>
      <c r="L1031" s="274"/>
      <c r="M1031" s="274"/>
      <c r="N1031" s="274"/>
      <c r="O1031" s="274"/>
      <c r="P1031" s="274"/>
      <c r="Q1031" s="274"/>
      <c r="R1031" s="274"/>
      <c r="S1031" s="274"/>
      <c r="T1031" s="274"/>
      <c r="U1031" s="274"/>
      <c r="V1031" s="274"/>
      <c r="W1031" s="274"/>
      <c r="X1031" s="274"/>
      <c r="Y1031" s="274"/>
      <c r="Z1031" s="274"/>
      <c r="AA1031" s="274"/>
      <c r="AB1031" s="274"/>
      <c r="AC1031" s="274"/>
      <c r="AD1031" s="274"/>
      <c r="AE1031" s="274"/>
      <c r="AF1031" s="274"/>
      <c r="AG1031" s="274"/>
      <c r="AH1031" s="274"/>
      <c r="AI1031" s="274"/>
      <c r="AJ1031" s="274"/>
      <c r="AK1031" s="131"/>
      <c r="AL1031" s="126"/>
    </row>
    <row r="1032" spans="1:38" s="76" customFormat="1" ht="13.5" customHeight="1" thickBot="1">
      <c r="A1032" s="125"/>
      <c r="B1032" s="125"/>
      <c r="C1032" s="126"/>
      <c r="D1032" s="126"/>
      <c r="E1032" s="126"/>
      <c r="F1032" s="126"/>
      <c r="G1032" s="126"/>
      <c r="H1032" s="126"/>
      <c r="I1032" s="126"/>
      <c r="J1032" s="126"/>
      <c r="K1032" s="126"/>
      <c r="L1032" s="126"/>
      <c r="M1032" s="126"/>
      <c r="N1032" s="126"/>
      <c r="O1032" s="126"/>
      <c r="P1032" s="126"/>
      <c r="Q1032" s="126"/>
      <c r="R1032" s="126"/>
      <c r="S1032" s="126"/>
      <c r="T1032" s="126"/>
      <c r="U1032" s="126"/>
      <c r="V1032" s="126"/>
      <c r="W1032" s="126"/>
      <c r="X1032" s="126"/>
      <c r="Y1032" s="126"/>
      <c r="Z1032" s="126"/>
      <c r="AA1032" s="126"/>
      <c r="AB1032" s="126"/>
      <c r="AC1032" s="126"/>
      <c r="AD1032" s="126"/>
      <c r="AE1032" s="126"/>
      <c r="AF1032" s="126"/>
      <c r="AG1032" s="126"/>
      <c r="AH1032" s="126"/>
      <c r="AI1032" s="126"/>
      <c r="AJ1032" s="126"/>
      <c r="AK1032" s="126"/>
      <c r="AL1032" s="126"/>
    </row>
    <row r="1033" spans="1:38" s="76" customFormat="1" ht="13.5" customHeight="1" thickTop="1">
      <c r="A1033" s="266">
        <v>111</v>
      </c>
      <c r="B1033" s="267"/>
      <c r="C1033" s="270" t="s">
        <v>584</v>
      </c>
      <c r="D1033" s="271"/>
      <c r="E1033" s="271"/>
      <c r="F1033" s="271"/>
      <c r="G1033" s="271"/>
      <c r="H1033" s="271"/>
      <c r="I1033" s="271"/>
      <c r="J1033" s="271"/>
      <c r="K1033" s="271"/>
      <c r="L1033" s="271"/>
      <c r="M1033" s="271"/>
      <c r="N1033" s="271"/>
      <c r="O1033" s="271"/>
      <c r="P1033" s="271"/>
      <c r="Q1033" s="271"/>
      <c r="R1033" s="271"/>
      <c r="S1033" s="271"/>
      <c r="T1033" s="271"/>
      <c r="U1033" s="271"/>
      <c r="V1033" s="271"/>
      <c r="W1033" s="271"/>
      <c r="X1033" s="271"/>
      <c r="Y1033" s="271"/>
      <c r="Z1033" s="271"/>
      <c r="AA1033" s="271"/>
      <c r="AB1033" s="271"/>
      <c r="AC1033" s="271"/>
      <c r="AD1033" s="271"/>
      <c r="AE1033" s="271"/>
      <c r="AF1033" s="271"/>
      <c r="AG1033" s="271"/>
      <c r="AH1033" s="271"/>
      <c r="AI1033" s="271"/>
      <c r="AJ1033" s="271"/>
      <c r="AK1033" s="275"/>
      <c r="AL1033" s="276"/>
    </row>
    <row r="1034" spans="1:38" s="76" customFormat="1" ht="13.5" customHeight="1" thickBot="1">
      <c r="A1034" s="268"/>
      <c r="B1034" s="269"/>
      <c r="C1034" s="272"/>
      <c r="D1034" s="263"/>
      <c r="E1034" s="263"/>
      <c r="F1034" s="263"/>
      <c r="G1034" s="263"/>
      <c r="H1034" s="263"/>
      <c r="I1034" s="263"/>
      <c r="J1034" s="263"/>
      <c r="K1034" s="263"/>
      <c r="L1034" s="263"/>
      <c r="M1034" s="263"/>
      <c r="N1034" s="263"/>
      <c r="O1034" s="263"/>
      <c r="P1034" s="263"/>
      <c r="Q1034" s="263"/>
      <c r="R1034" s="263"/>
      <c r="S1034" s="263"/>
      <c r="T1034" s="263"/>
      <c r="U1034" s="263"/>
      <c r="V1034" s="263"/>
      <c r="W1034" s="263"/>
      <c r="X1034" s="263"/>
      <c r="Y1034" s="263"/>
      <c r="Z1034" s="263"/>
      <c r="AA1034" s="263"/>
      <c r="AB1034" s="263"/>
      <c r="AC1034" s="263"/>
      <c r="AD1034" s="263"/>
      <c r="AE1034" s="263"/>
      <c r="AF1034" s="263"/>
      <c r="AG1034" s="263"/>
      <c r="AH1034" s="263"/>
      <c r="AI1034" s="263"/>
      <c r="AJ1034" s="263"/>
      <c r="AK1034" s="277"/>
      <c r="AL1034" s="278"/>
    </row>
    <row r="1035" spans="1:38" s="76" customFormat="1" ht="13.5" customHeight="1" thickTop="1">
      <c r="A1035" s="166"/>
      <c r="B1035" s="165"/>
      <c r="C1035" s="273"/>
      <c r="D1035" s="274"/>
      <c r="E1035" s="274"/>
      <c r="F1035" s="274"/>
      <c r="G1035" s="274"/>
      <c r="H1035" s="274"/>
      <c r="I1035" s="274"/>
      <c r="J1035" s="274"/>
      <c r="K1035" s="274"/>
      <c r="L1035" s="274"/>
      <c r="M1035" s="274"/>
      <c r="N1035" s="274"/>
      <c r="O1035" s="274"/>
      <c r="P1035" s="274"/>
      <c r="Q1035" s="274"/>
      <c r="R1035" s="274"/>
      <c r="S1035" s="274"/>
      <c r="T1035" s="274"/>
      <c r="U1035" s="274"/>
      <c r="V1035" s="274"/>
      <c r="W1035" s="274"/>
      <c r="X1035" s="274"/>
      <c r="Y1035" s="274"/>
      <c r="Z1035" s="274"/>
      <c r="AA1035" s="274"/>
      <c r="AB1035" s="274"/>
      <c r="AC1035" s="274"/>
      <c r="AD1035" s="274"/>
      <c r="AE1035" s="274"/>
      <c r="AF1035" s="274"/>
      <c r="AG1035" s="274"/>
      <c r="AH1035" s="274"/>
      <c r="AI1035" s="274"/>
      <c r="AJ1035" s="274"/>
      <c r="AK1035" s="130"/>
      <c r="AL1035" s="162"/>
    </row>
    <row r="1036" spans="1:38" s="76" customFormat="1" ht="13.5" customHeight="1"/>
    <row r="1037" spans="1:38" s="76" customFormat="1" ht="13.5" customHeight="1" thickBot="1">
      <c r="C1037" s="76" t="s">
        <v>150</v>
      </c>
    </row>
    <row r="1038" spans="1:38" s="76" customFormat="1" ht="13.5" customHeight="1" thickTop="1">
      <c r="A1038" s="266">
        <v>112</v>
      </c>
      <c r="B1038" s="302"/>
      <c r="C1038" s="270" t="s">
        <v>585</v>
      </c>
      <c r="D1038" s="271"/>
      <c r="E1038" s="271"/>
      <c r="F1038" s="271"/>
      <c r="G1038" s="271"/>
      <c r="H1038" s="271"/>
      <c r="I1038" s="271"/>
      <c r="J1038" s="271"/>
      <c r="K1038" s="271"/>
      <c r="L1038" s="271"/>
      <c r="M1038" s="271"/>
      <c r="N1038" s="271"/>
      <c r="O1038" s="271"/>
      <c r="P1038" s="271"/>
      <c r="Q1038" s="271"/>
      <c r="R1038" s="271"/>
      <c r="S1038" s="271"/>
      <c r="T1038" s="271"/>
      <c r="U1038" s="271"/>
      <c r="V1038" s="271"/>
      <c r="W1038" s="271"/>
      <c r="X1038" s="271"/>
      <c r="Y1038" s="271"/>
      <c r="Z1038" s="271"/>
      <c r="AA1038" s="271"/>
      <c r="AB1038" s="271"/>
      <c r="AC1038" s="271"/>
      <c r="AD1038" s="271"/>
      <c r="AE1038" s="271"/>
      <c r="AF1038" s="271"/>
      <c r="AG1038" s="271"/>
      <c r="AH1038" s="271"/>
      <c r="AI1038" s="271"/>
      <c r="AJ1038" s="279"/>
      <c r="AK1038" s="275"/>
      <c r="AL1038" s="276"/>
    </row>
    <row r="1039" spans="1:38" s="76" customFormat="1" ht="13.5" customHeight="1" thickBot="1">
      <c r="A1039" s="268"/>
      <c r="B1039" s="303"/>
      <c r="C1039" s="272"/>
      <c r="D1039" s="263"/>
      <c r="E1039" s="263"/>
      <c r="F1039" s="263"/>
      <c r="G1039" s="263"/>
      <c r="H1039" s="263"/>
      <c r="I1039" s="263"/>
      <c r="J1039" s="263"/>
      <c r="K1039" s="263"/>
      <c r="L1039" s="263"/>
      <c r="M1039" s="263"/>
      <c r="N1039" s="263"/>
      <c r="O1039" s="263"/>
      <c r="P1039" s="263"/>
      <c r="Q1039" s="263"/>
      <c r="R1039" s="263"/>
      <c r="S1039" s="263"/>
      <c r="T1039" s="263"/>
      <c r="U1039" s="263"/>
      <c r="V1039" s="263"/>
      <c r="W1039" s="263"/>
      <c r="X1039" s="263"/>
      <c r="Y1039" s="263"/>
      <c r="Z1039" s="263"/>
      <c r="AA1039" s="263"/>
      <c r="AB1039" s="263"/>
      <c r="AC1039" s="263"/>
      <c r="AD1039" s="263"/>
      <c r="AE1039" s="263"/>
      <c r="AF1039" s="263"/>
      <c r="AG1039" s="263"/>
      <c r="AH1039" s="263"/>
      <c r="AI1039" s="263"/>
      <c r="AJ1039" s="312"/>
      <c r="AK1039" s="277"/>
      <c r="AL1039" s="278"/>
    </row>
    <row r="1040" spans="1:38" s="76" customFormat="1" ht="13.5" customHeight="1" thickTop="1">
      <c r="A1040" s="125"/>
      <c r="B1040" s="125"/>
      <c r="C1040" s="272"/>
      <c r="D1040" s="263"/>
      <c r="E1040" s="263"/>
      <c r="F1040" s="263"/>
      <c r="G1040" s="263"/>
      <c r="H1040" s="263"/>
      <c r="I1040" s="263"/>
      <c r="J1040" s="263"/>
      <c r="K1040" s="263"/>
      <c r="L1040" s="263"/>
      <c r="M1040" s="263"/>
      <c r="N1040" s="263"/>
      <c r="O1040" s="263"/>
      <c r="P1040" s="263"/>
      <c r="Q1040" s="263"/>
      <c r="R1040" s="263"/>
      <c r="S1040" s="263"/>
      <c r="T1040" s="263"/>
      <c r="U1040" s="263"/>
      <c r="V1040" s="263"/>
      <c r="W1040" s="263"/>
      <c r="X1040" s="263"/>
      <c r="Y1040" s="263"/>
      <c r="Z1040" s="263"/>
      <c r="AA1040" s="263"/>
      <c r="AB1040" s="263"/>
      <c r="AC1040" s="263"/>
      <c r="AD1040" s="263"/>
      <c r="AE1040" s="263"/>
      <c r="AF1040" s="263"/>
      <c r="AG1040" s="263"/>
      <c r="AH1040" s="263"/>
      <c r="AI1040" s="263"/>
      <c r="AJ1040" s="281"/>
      <c r="AK1040" s="130"/>
      <c r="AL1040" s="126"/>
    </row>
    <row r="1041" spans="1:38" s="76" customFormat="1" ht="13.5" customHeight="1">
      <c r="A1041" s="194"/>
      <c r="B1041" s="194"/>
      <c r="C1041" s="273"/>
      <c r="D1041" s="274"/>
      <c r="E1041" s="274"/>
      <c r="F1041" s="274"/>
      <c r="G1041" s="274"/>
      <c r="H1041" s="274"/>
      <c r="I1041" s="274"/>
      <c r="J1041" s="274"/>
      <c r="K1041" s="274"/>
      <c r="L1041" s="274"/>
      <c r="M1041" s="274"/>
      <c r="N1041" s="274"/>
      <c r="O1041" s="274"/>
      <c r="P1041" s="274"/>
      <c r="Q1041" s="274"/>
      <c r="R1041" s="274"/>
      <c r="S1041" s="274"/>
      <c r="T1041" s="274"/>
      <c r="U1041" s="274"/>
      <c r="V1041" s="274"/>
      <c r="W1041" s="274"/>
      <c r="X1041" s="274"/>
      <c r="Y1041" s="274"/>
      <c r="Z1041" s="274"/>
      <c r="AA1041" s="274"/>
      <c r="AB1041" s="274"/>
      <c r="AC1041" s="274"/>
      <c r="AD1041" s="274"/>
      <c r="AE1041" s="274"/>
      <c r="AF1041" s="274"/>
      <c r="AG1041" s="274"/>
      <c r="AH1041" s="274"/>
      <c r="AI1041" s="274"/>
      <c r="AJ1041" s="274"/>
      <c r="AK1041" s="131"/>
      <c r="AL1041" s="75"/>
    </row>
    <row r="1042" spans="1:38" s="76" customFormat="1" ht="13.5" customHeight="1">
      <c r="C1042" s="76" t="s">
        <v>59</v>
      </c>
      <c r="D1042" s="320" t="s">
        <v>427</v>
      </c>
      <c r="E1042" s="320"/>
      <c r="F1042" s="320"/>
      <c r="G1042" s="320"/>
      <c r="H1042" s="320"/>
      <c r="I1042" s="320"/>
      <c r="J1042" s="320"/>
      <c r="K1042" s="320"/>
      <c r="L1042" s="320"/>
      <c r="M1042" s="320"/>
      <c r="N1042" s="320"/>
      <c r="O1042" s="320"/>
      <c r="P1042" s="320"/>
      <c r="Q1042" s="320"/>
      <c r="R1042" s="320"/>
      <c r="S1042" s="320"/>
      <c r="T1042" s="320"/>
      <c r="U1042" s="320"/>
      <c r="V1042" s="320"/>
      <c r="W1042" s="320"/>
      <c r="X1042" s="320"/>
      <c r="Y1042" s="320"/>
      <c r="Z1042" s="320"/>
      <c r="AA1042" s="320"/>
      <c r="AB1042" s="320"/>
      <c r="AC1042" s="320"/>
      <c r="AD1042" s="320"/>
      <c r="AE1042" s="320"/>
      <c r="AF1042" s="320"/>
      <c r="AG1042" s="320"/>
      <c r="AH1042" s="320"/>
      <c r="AI1042" s="320"/>
      <c r="AJ1042" s="320"/>
    </row>
    <row r="1043" spans="1:38" s="76" customFormat="1" ht="13.5" customHeight="1">
      <c r="D1043" s="263"/>
      <c r="E1043" s="263"/>
      <c r="F1043" s="263"/>
      <c r="G1043" s="263"/>
      <c r="H1043" s="263"/>
      <c r="I1043" s="263"/>
      <c r="J1043" s="263"/>
      <c r="K1043" s="263"/>
      <c r="L1043" s="263"/>
      <c r="M1043" s="263"/>
      <c r="N1043" s="263"/>
      <c r="O1043" s="263"/>
      <c r="P1043" s="263"/>
      <c r="Q1043" s="263"/>
      <c r="R1043" s="263"/>
      <c r="S1043" s="263"/>
      <c r="T1043" s="263"/>
      <c r="U1043" s="263"/>
      <c r="V1043" s="263"/>
      <c r="W1043" s="263"/>
      <c r="X1043" s="263"/>
      <c r="Y1043" s="263"/>
      <c r="Z1043" s="263"/>
      <c r="AA1043" s="263"/>
      <c r="AB1043" s="263"/>
      <c r="AC1043" s="263"/>
      <c r="AD1043" s="263"/>
      <c r="AE1043" s="263"/>
      <c r="AF1043" s="263"/>
      <c r="AG1043" s="263"/>
      <c r="AH1043" s="263"/>
      <c r="AI1043" s="263"/>
      <c r="AJ1043" s="263"/>
    </row>
    <row r="1044" spans="1:38" s="76" customFormat="1" ht="13.5" customHeight="1">
      <c r="D1044" s="263"/>
      <c r="E1044" s="263"/>
      <c r="F1044" s="263"/>
      <c r="G1044" s="263"/>
      <c r="H1044" s="263"/>
      <c r="I1044" s="263"/>
      <c r="J1044" s="263"/>
      <c r="K1044" s="263"/>
      <c r="L1044" s="263"/>
      <c r="M1044" s="263"/>
      <c r="N1044" s="263"/>
      <c r="O1044" s="263"/>
      <c r="P1044" s="263"/>
      <c r="Q1044" s="263"/>
      <c r="R1044" s="263"/>
      <c r="S1044" s="263"/>
      <c r="T1044" s="263"/>
      <c r="U1044" s="263"/>
      <c r="V1044" s="263"/>
      <c r="W1044" s="263"/>
      <c r="X1044" s="263"/>
      <c r="Y1044" s="263"/>
      <c r="Z1044" s="263"/>
      <c r="AA1044" s="263"/>
      <c r="AB1044" s="263"/>
      <c r="AC1044" s="263"/>
      <c r="AD1044" s="263"/>
      <c r="AE1044" s="263"/>
      <c r="AF1044" s="263"/>
      <c r="AG1044" s="263"/>
      <c r="AH1044" s="263"/>
      <c r="AI1044" s="263"/>
      <c r="AJ1044" s="263"/>
    </row>
    <row r="1045" spans="1:38" s="76" customFormat="1" ht="13.5" customHeight="1">
      <c r="C1045" s="76" t="s">
        <v>59</v>
      </c>
      <c r="D1045" s="319" t="s">
        <v>376</v>
      </c>
      <c r="E1045" s="319"/>
      <c r="F1045" s="319"/>
      <c r="G1045" s="319"/>
      <c r="H1045" s="319"/>
      <c r="I1045" s="319"/>
      <c r="J1045" s="319"/>
      <c r="K1045" s="319"/>
      <c r="L1045" s="319"/>
      <c r="M1045" s="319"/>
      <c r="N1045" s="319"/>
      <c r="O1045" s="319"/>
      <c r="P1045" s="319"/>
      <c r="Q1045" s="319"/>
      <c r="R1045" s="319"/>
      <c r="S1045" s="319"/>
      <c r="T1045" s="319"/>
      <c r="U1045" s="319"/>
      <c r="V1045" s="319"/>
      <c r="W1045" s="319"/>
      <c r="X1045" s="319"/>
      <c r="Y1045" s="319"/>
      <c r="Z1045" s="319"/>
      <c r="AA1045" s="319"/>
      <c r="AB1045" s="319"/>
      <c r="AC1045" s="319"/>
      <c r="AD1045" s="319"/>
      <c r="AE1045" s="319"/>
      <c r="AF1045" s="319"/>
      <c r="AG1045" s="319"/>
      <c r="AH1045" s="319"/>
      <c r="AI1045" s="319"/>
      <c r="AJ1045" s="319"/>
    </row>
    <row r="1046" spans="1:38" s="76" customFormat="1" ht="13.5" customHeight="1">
      <c r="D1046" s="319"/>
      <c r="E1046" s="319"/>
      <c r="F1046" s="319"/>
      <c r="G1046" s="319"/>
      <c r="H1046" s="319"/>
      <c r="I1046" s="319"/>
      <c r="J1046" s="319"/>
      <c r="K1046" s="319"/>
      <c r="L1046" s="319"/>
      <c r="M1046" s="319"/>
      <c r="N1046" s="319"/>
      <c r="O1046" s="319"/>
      <c r="P1046" s="319"/>
      <c r="Q1046" s="319"/>
      <c r="R1046" s="319"/>
      <c r="S1046" s="319"/>
      <c r="T1046" s="319"/>
      <c r="U1046" s="319"/>
      <c r="V1046" s="319"/>
      <c r="W1046" s="319"/>
      <c r="X1046" s="319"/>
      <c r="Y1046" s="319"/>
      <c r="Z1046" s="319"/>
      <c r="AA1046" s="319"/>
      <c r="AB1046" s="319"/>
      <c r="AC1046" s="319"/>
      <c r="AD1046" s="319"/>
      <c r="AE1046" s="319"/>
      <c r="AF1046" s="319"/>
      <c r="AG1046" s="319"/>
      <c r="AH1046" s="319"/>
      <c r="AI1046" s="319"/>
      <c r="AJ1046" s="319"/>
    </row>
    <row r="1047" spans="1:38" s="76" customFormat="1" ht="13.5" customHeight="1">
      <c r="D1047" s="263"/>
      <c r="E1047" s="263"/>
      <c r="F1047" s="263"/>
      <c r="G1047" s="263"/>
      <c r="H1047" s="263"/>
      <c r="I1047" s="263"/>
      <c r="J1047" s="263"/>
      <c r="K1047" s="263"/>
      <c r="L1047" s="263"/>
      <c r="M1047" s="263"/>
      <c r="N1047" s="263"/>
      <c r="O1047" s="263"/>
      <c r="P1047" s="263"/>
      <c r="Q1047" s="263"/>
      <c r="R1047" s="263"/>
      <c r="S1047" s="263"/>
      <c r="T1047" s="263"/>
      <c r="U1047" s="263"/>
      <c r="V1047" s="263"/>
      <c r="W1047" s="263"/>
      <c r="X1047" s="263"/>
      <c r="Y1047" s="263"/>
      <c r="Z1047" s="263"/>
      <c r="AA1047" s="263"/>
      <c r="AB1047" s="263"/>
      <c r="AC1047" s="263"/>
      <c r="AD1047" s="263"/>
      <c r="AE1047" s="263"/>
      <c r="AF1047" s="263"/>
      <c r="AG1047" s="263"/>
      <c r="AH1047" s="263"/>
      <c r="AI1047" s="263"/>
      <c r="AJ1047" s="263"/>
    </row>
    <row r="1048" spans="1:38" s="76" customFormat="1" thickBot="1"/>
    <row r="1049" spans="1:38" s="76" customFormat="1" thickTop="1">
      <c r="B1049" s="148"/>
      <c r="C1049" s="306" t="s">
        <v>685</v>
      </c>
      <c r="D1049" s="262"/>
      <c r="E1049" s="262"/>
      <c r="F1049" s="262"/>
      <c r="G1049" s="262"/>
      <c r="H1049" s="262"/>
      <c r="I1049" s="262"/>
      <c r="J1049" s="262"/>
      <c r="K1049" s="262"/>
      <c r="L1049" s="262"/>
      <c r="M1049" s="262"/>
      <c r="N1049" s="262"/>
      <c r="O1049" s="262"/>
      <c r="P1049" s="262"/>
      <c r="Q1049" s="262"/>
      <c r="R1049" s="262"/>
      <c r="S1049" s="262"/>
      <c r="T1049" s="262"/>
      <c r="U1049" s="262"/>
      <c r="V1049" s="262"/>
      <c r="W1049" s="262"/>
      <c r="X1049" s="262"/>
      <c r="Y1049" s="262"/>
      <c r="Z1049" s="262"/>
      <c r="AA1049" s="262"/>
      <c r="AB1049" s="262"/>
      <c r="AC1049" s="262"/>
      <c r="AD1049" s="262"/>
      <c r="AE1049" s="262"/>
      <c r="AF1049" s="262"/>
      <c r="AG1049" s="262"/>
      <c r="AH1049" s="262"/>
      <c r="AI1049" s="262"/>
      <c r="AJ1049" s="311"/>
      <c r="AK1049" s="275"/>
      <c r="AL1049" s="276"/>
    </row>
    <row r="1050" spans="1:38" s="76" customFormat="1" thickBot="1">
      <c r="B1050" s="148"/>
      <c r="C1050" s="307"/>
      <c r="D1050" s="263"/>
      <c r="E1050" s="263"/>
      <c r="F1050" s="263"/>
      <c r="G1050" s="263"/>
      <c r="H1050" s="263"/>
      <c r="I1050" s="263"/>
      <c r="J1050" s="263"/>
      <c r="K1050" s="263"/>
      <c r="L1050" s="263"/>
      <c r="M1050" s="263"/>
      <c r="N1050" s="263"/>
      <c r="O1050" s="263"/>
      <c r="P1050" s="263"/>
      <c r="Q1050" s="263"/>
      <c r="R1050" s="263"/>
      <c r="S1050" s="263"/>
      <c r="T1050" s="263"/>
      <c r="U1050" s="263"/>
      <c r="V1050" s="263"/>
      <c r="W1050" s="263"/>
      <c r="X1050" s="263"/>
      <c r="Y1050" s="263"/>
      <c r="Z1050" s="263"/>
      <c r="AA1050" s="263"/>
      <c r="AB1050" s="263"/>
      <c r="AC1050" s="263"/>
      <c r="AD1050" s="263"/>
      <c r="AE1050" s="263"/>
      <c r="AF1050" s="263"/>
      <c r="AG1050" s="263"/>
      <c r="AH1050" s="263"/>
      <c r="AI1050" s="263"/>
      <c r="AJ1050" s="312"/>
      <c r="AK1050" s="277"/>
      <c r="AL1050" s="278"/>
    </row>
    <row r="1051" spans="1:38" s="76" customFormat="1" ht="14" thickTop="1" thickBot="1">
      <c r="B1051" s="148"/>
      <c r="C1051" s="308"/>
      <c r="D1051" s="284"/>
      <c r="E1051" s="284"/>
      <c r="F1051" s="284"/>
      <c r="G1051" s="284"/>
      <c r="H1051" s="284"/>
      <c r="I1051" s="284"/>
      <c r="J1051" s="284"/>
      <c r="K1051" s="284"/>
      <c r="L1051" s="284"/>
      <c r="M1051" s="284"/>
      <c r="N1051" s="284"/>
      <c r="O1051" s="284"/>
      <c r="P1051" s="284"/>
      <c r="Q1051" s="284"/>
      <c r="R1051" s="284"/>
      <c r="S1051" s="284"/>
      <c r="T1051" s="284"/>
      <c r="U1051" s="284"/>
      <c r="V1051" s="284"/>
      <c r="W1051" s="284"/>
      <c r="X1051" s="284"/>
      <c r="Y1051" s="284"/>
      <c r="Z1051" s="284"/>
      <c r="AA1051" s="284"/>
      <c r="AB1051" s="284"/>
      <c r="AC1051" s="284"/>
      <c r="AD1051" s="284"/>
      <c r="AE1051" s="284"/>
      <c r="AF1051" s="284"/>
      <c r="AG1051" s="284"/>
      <c r="AH1051" s="284"/>
      <c r="AI1051" s="284"/>
      <c r="AJ1051" s="284"/>
      <c r="AK1051" s="137"/>
      <c r="AL1051" s="162"/>
    </row>
    <row r="1052" spans="1:38" s="76" customFormat="1" ht="13.75" customHeight="1" thickTop="1">
      <c r="B1052" s="148"/>
      <c r="C1052" s="306" t="s">
        <v>686</v>
      </c>
      <c r="D1052" s="262"/>
      <c r="E1052" s="262"/>
      <c r="F1052" s="262"/>
      <c r="G1052" s="262"/>
      <c r="H1052" s="262"/>
      <c r="I1052" s="262"/>
      <c r="J1052" s="262"/>
      <c r="K1052" s="262"/>
      <c r="L1052" s="262"/>
      <c r="M1052" s="262"/>
      <c r="N1052" s="262"/>
      <c r="O1052" s="262"/>
      <c r="P1052" s="262"/>
      <c r="Q1052" s="262"/>
      <c r="R1052" s="262"/>
      <c r="S1052" s="262"/>
      <c r="T1052" s="262"/>
      <c r="U1052" s="262"/>
      <c r="V1052" s="262"/>
      <c r="W1052" s="262"/>
      <c r="X1052" s="262"/>
      <c r="Y1052" s="262"/>
      <c r="Z1052" s="262"/>
      <c r="AA1052" s="262"/>
      <c r="AB1052" s="262"/>
      <c r="AC1052" s="262"/>
      <c r="AD1052" s="262"/>
      <c r="AE1052" s="262"/>
      <c r="AF1052" s="262"/>
      <c r="AG1052" s="262"/>
      <c r="AH1052" s="262"/>
      <c r="AI1052" s="262"/>
      <c r="AJ1052" s="311"/>
      <c r="AK1052" s="275"/>
      <c r="AL1052" s="276"/>
    </row>
    <row r="1053" spans="1:38" s="76" customFormat="1" thickBot="1">
      <c r="B1053" s="148"/>
      <c r="C1053" s="307"/>
      <c r="D1053" s="263"/>
      <c r="E1053" s="263"/>
      <c r="F1053" s="263"/>
      <c r="G1053" s="263"/>
      <c r="H1053" s="263"/>
      <c r="I1053" s="263"/>
      <c r="J1053" s="263"/>
      <c r="K1053" s="263"/>
      <c r="L1053" s="263"/>
      <c r="M1053" s="263"/>
      <c r="N1053" s="263"/>
      <c r="O1053" s="263"/>
      <c r="P1053" s="263"/>
      <c r="Q1053" s="263"/>
      <c r="R1053" s="263"/>
      <c r="S1053" s="263"/>
      <c r="T1053" s="263"/>
      <c r="U1053" s="263"/>
      <c r="V1053" s="263"/>
      <c r="W1053" s="263"/>
      <c r="X1053" s="263"/>
      <c r="Y1053" s="263"/>
      <c r="Z1053" s="263"/>
      <c r="AA1053" s="263"/>
      <c r="AB1053" s="263"/>
      <c r="AC1053" s="263"/>
      <c r="AD1053" s="263"/>
      <c r="AE1053" s="263"/>
      <c r="AF1053" s="263"/>
      <c r="AG1053" s="263"/>
      <c r="AH1053" s="263"/>
      <c r="AI1053" s="263"/>
      <c r="AJ1053" s="312"/>
      <c r="AK1053" s="277"/>
      <c r="AL1053" s="278"/>
    </row>
    <row r="1054" spans="1:38" s="76" customFormat="1" thickTop="1">
      <c r="B1054" s="148"/>
      <c r="C1054" s="308"/>
      <c r="D1054" s="284"/>
      <c r="E1054" s="284"/>
      <c r="F1054" s="284"/>
      <c r="G1054" s="284"/>
      <c r="H1054" s="284"/>
      <c r="I1054" s="284"/>
      <c r="J1054" s="284"/>
      <c r="K1054" s="284"/>
      <c r="L1054" s="284"/>
      <c r="M1054" s="284"/>
      <c r="N1054" s="284"/>
      <c r="O1054" s="284"/>
      <c r="P1054" s="284"/>
      <c r="Q1054" s="284"/>
      <c r="R1054" s="284"/>
      <c r="S1054" s="284"/>
      <c r="T1054" s="284"/>
      <c r="U1054" s="284"/>
      <c r="V1054" s="284"/>
      <c r="W1054" s="284"/>
      <c r="X1054" s="284"/>
      <c r="Y1054" s="284"/>
      <c r="Z1054" s="284"/>
      <c r="AA1054" s="284"/>
      <c r="AB1054" s="284"/>
      <c r="AC1054" s="284"/>
      <c r="AD1054" s="284"/>
      <c r="AE1054" s="284"/>
      <c r="AF1054" s="284"/>
      <c r="AG1054" s="284"/>
      <c r="AH1054" s="284"/>
      <c r="AI1054" s="284"/>
      <c r="AJ1054" s="284"/>
      <c r="AK1054" s="137"/>
      <c r="AL1054" s="162"/>
    </row>
    <row r="1055" spans="1:38" s="76" customFormat="1" ht="13.5" customHeight="1">
      <c r="C1055" s="76" t="s">
        <v>59</v>
      </c>
      <c r="D1055" s="319" t="s">
        <v>339</v>
      </c>
      <c r="E1055" s="319"/>
      <c r="F1055" s="319"/>
      <c r="G1055" s="319"/>
      <c r="H1055" s="319"/>
      <c r="I1055" s="319"/>
      <c r="J1055" s="319"/>
      <c r="K1055" s="319"/>
      <c r="L1055" s="319"/>
      <c r="M1055" s="319"/>
      <c r="N1055" s="319"/>
      <c r="O1055" s="319"/>
      <c r="P1055" s="319"/>
      <c r="Q1055" s="319"/>
      <c r="R1055" s="319"/>
      <c r="S1055" s="319"/>
      <c r="T1055" s="319"/>
      <c r="U1055" s="319"/>
      <c r="V1055" s="319"/>
      <c r="W1055" s="319"/>
      <c r="X1055" s="319"/>
      <c r="Y1055" s="319"/>
      <c r="Z1055" s="319"/>
      <c r="AA1055" s="319"/>
      <c r="AB1055" s="319"/>
      <c r="AC1055" s="319"/>
      <c r="AD1055" s="319"/>
      <c r="AE1055" s="319"/>
      <c r="AF1055" s="319"/>
      <c r="AG1055" s="319"/>
      <c r="AH1055" s="319"/>
      <c r="AI1055" s="319"/>
      <c r="AJ1055" s="319"/>
    </row>
    <row r="1056" spans="1:38" s="76" customFormat="1" ht="13.5" customHeight="1" thickBot="1">
      <c r="C1056" s="76" t="s">
        <v>59</v>
      </c>
      <c r="D1056" s="319" t="s">
        <v>377</v>
      </c>
      <c r="E1056" s="319"/>
      <c r="F1056" s="319"/>
      <c r="G1056" s="319"/>
      <c r="H1056" s="319"/>
      <c r="I1056" s="319"/>
      <c r="J1056" s="319"/>
      <c r="K1056" s="319"/>
      <c r="L1056" s="319"/>
      <c r="M1056" s="319"/>
      <c r="N1056" s="319"/>
      <c r="O1056" s="319"/>
      <c r="P1056" s="319"/>
      <c r="Q1056" s="319"/>
      <c r="R1056" s="319"/>
      <c r="S1056" s="319"/>
      <c r="T1056" s="319"/>
      <c r="U1056" s="319"/>
      <c r="V1056" s="319"/>
      <c r="W1056" s="319"/>
      <c r="X1056" s="319"/>
      <c r="Y1056" s="319"/>
      <c r="Z1056" s="319"/>
      <c r="AA1056" s="319"/>
      <c r="AB1056" s="319"/>
      <c r="AC1056" s="319"/>
      <c r="AD1056" s="319"/>
      <c r="AE1056" s="319"/>
      <c r="AF1056" s="319"/>
      <c r="AG1056" s="319"/>
      <c r="AH1056" s="319"/>
      <c r="AI1056" s="319"/>
      <c r="AJ1056" s="319"/>
    </row>
    <row r="1057" spans="1:38" s="76" customFormat="1" ht="13.5" customHeight="1" thickTop="1">
      <c r="C1057" s="306" t="s">
        <v>687</v>
      </c>
      <c r="D1057" s="262"/>
      <c r="E1057" s="262"/>
      <c r="F1057" s="262"/>
      <c r="G1057" s="262"/>
      <c r="H1057" s="262"/>
      <c r="I1057" s="262"/>
      <c r="J1057" s="262"/>
      <c r="K1057" s="262"/>
      <c r="L1057" s="262"/>
      <c r="M1057" s="262"/>
      <c r="N1057" s="262"/>
      <c r="O1057" s="262"/>
      <c r="P1057" s="262"/>
      <c r="Q1057" s="262"/>
      <c r="R1057" s="262"/>
      <c r="S1057" s="262"/>
      <c r="T1057" s="262"/>
      <c r="U1057" s="262"/>
      <c r="V1057" s="262"/>
      <c r="W1057" s="262"/>
      <c r="X1057" s="262"/>
      <c r="Y1057" s="262"/>
      <c r="Z1057" s="262"/>
      <c r="AA1057" s="262"/>
      <c r="AB1057" s="262"/>
      <c r="AC1057" s="262"/>
      <c r="AD1057" s="262"/>
      <c r="AE1057" s="262"/>
      <c r="AF1057" s="262"/>
      <c r="AG1057" s="262"/>
      <c r="AH1057" s="262"/>
      <c r="AI1057" s="262"/>
      <c r="AJ1057" s="262"/>
      <c r="AK1057" s="275"/>
      <c r="AL1057" s="276"/>
    </row>
    <row r="1058" spans="1:38" s="76" customFormat="1" ht="13.5" customHeight="1" thickBot="1">
      <c r="C1058" s="307"/>
      <c r="D1058" s="263"/>
      <c r="E1058" s="263"/>
      <c r="F1058" s="263"/>
      <c r="G1058" s="263"/>
      <c r="H1058" s="263"/>
      <c r="I1058" s="263"/>
      <c r="J1058" s="263"/>
      <c r="K1058" s="263"/>
      <c r="L1058" s="263"/>
      <c r="M1058" s="263"/>
      <c r="N1058" s="263"/>
      <c r="O1058" s="263"/>
      <c r="P1058" s="263"/>
      <c r="Q1058" s="263"/>
      <c r="R1058" s="263"/>
      <c r="S1058" s="263"/>
      <c r="T1058" s="263"/>
      <c r="U1058" s="263"/>
      <c r="V1058" s="263"/>
      <c r="W1058" s="263"/>
      <c r="X1058" s="263"/>
      <c r="Y1058" s="263"/>
      <c r="Z1058" s="263"/>
      <c r="AA1058" s="263"/>
      <c r="AB1058" s="263"/>
      <c r="AC1058" s="263"/>
      <c r="AD1058" s="263"/>
      <c r="AE1058" s="263"/>
      <c r="AF1058" s="263"/>
      <c r="AG1058" s="263"/>
      <c r="AH1058" s="263"/>
      <c r="AI1058" s="263"/>
      <c r="AJ1058" s="263"/>
      <c r="AK1058" s="277"/>
      <c r="AL1058" s="278"/>
    </row>
    <row r="1059" spans="1:38" s="76" customFormat="1" ht="13.5" customHeight="1" thickTop="1">
      <c r="C1059" s="308"/>
      <c r="D1059" s="284"/>
      <c r="E1059" s="284"/>
      <c r="F1059" s="284"/>
      <c r="G1059" s="284"/>
      <c r="H1059" s="284"/>
      <c r="I1059" s="284"/>
      <c r="J1059" s="284"/>
      <c r="K1059" s="284"/>
      <c r="L1059" s="284"/>
      <c r="M1059" s="284"/>
      <c r="N1059" s="284"/>
      <c r="O1059" s="284"/>
      <c r="P1059" s="284"/>
      <c r="Q1059" s="284"/>
      <c r="R1059" s="284"/>
      <c r="S1059" s="284"/>
      <c r="T1059" s="284"/>
      <c r="U1059" s="284"/>
      <c r="V1059" s="284"/>
      <c r="W1059" s="284"/>
      <c r="X1059" s="284"/>
      <c r="Y1059" s="284"/>
      <c r="Z1059" s="284"/>
      <c r="AA1059" s="284"/>
      <c r="AB1059" s="284"/>
      <c r="AC1059" s="284"/>
      <c r="AD1059" s="284"/>
      <c r="AE1059" s="284"/>
      <c r="AF1059" s="284"/>
      <c r="AG1059" s="284"/>
      <c r="AH1059" s="284"/>
      <c r="AI1059" s="284"/>
      <c r="AJ1059" s="284"/>
      <c r="AK1059" s="153"/>
    </row>
    <row r="1060" spans="1:38" s="76" customFormat="1" thickBot="1"/>
    <row r="1061" spans="1:38" s="76" customFormat="1" ht="13.5" customHeight="1" thickTop="1">
      <c r="A1061" s="266">
        <v>113</v>
      </c>
      <c r="B1061" s="302"/>
      <c r="C1061" s="270" t="s">
        <v>586</v>
      </c>
      <c r="D1061" s="271"/>
      <c r="E1061" s="271"/>
      <c r="F1061" s="271"/>
      <c r="G1061" s="271"/>
      <c r="H1061" s="271"/>
      <c r="I1061" s="271"/>
      <c r="J1061" s="271"/>
      <c r="K1061" s="271"/>
      <c r="L1061" s="271"/>
      <c r="M1061" s="271"/>
      <c r="N1061" s="271"/>
      <c r="O1061" s="271"/>
      <c r="P1061" s="271"/>
      <c r="Q1061" s="271"/>
      <c r="R1061" s="271"/>
      <c r="S1061" s="271"/>
      <c r="T1061" s="271"/>
      <c r="U1061" s="271"/>
      <c r="V1061" s="271"/>
      <c r="W1061" s="271"/>
      <c r="X1061" s="271"/>
      <c r="Y1061" s="271"/>
      <c r="Z1061" s="271"/>
      <c r="AA1061" s="271"/>
      <c r="AB1061" s="271"/>
      <c r="AC1061" s="271"/>
      <c r="AD1061" s="271"/>
      <c r="AE1061" s="271"/>
      <c r="AF1061" s="271"/>
      <c r="AG1061" s="271"/>
      <c r="AH1061" s="271"/>
      <c r="AI1061" s="271"/>
      <c r="AJ1061" s="279"/>
      <c r="AK1061" s="275"/>
      <c r="AL1061" s="276"/>
    </row>
    <row r="1062" spans="1:38" s="76" customFormat="1" ht="13.5" customHeight="1" thickBot="1">
      <c r="A1062" s="268"/>
      <c r="B1062" s="303"/>
      <c r="C1062" s="272"/>
      <c r="D1062" s="263"/>
      <c r="E1062" s="263"/>
      <c r="F1062" s="263"/>
      <c r="G1062" s="263"/>
      <c r="H1062" s="263"/>
      <c r="I1062" s="263"/>
      <c r="J1062" s="263"/>
      <c r="K1062" s="263"/>
      <c r="L1062" s="263"/>
      <c r="M1062" s="263"/>
      <c r="N1062" s="263"/>
      <c r="O1062" s="263"/>
      <c r="P1062" s="263"/>
      <c r="Q1062" s="263"/>
      <c r="R1062" s="263"/>
      <c r="S1062" s="263"/>
      <c r="T1062" s="263"/>
      <c r="U1062" s="263"/>
      <c r="V1062" s="263"/>
      <c r="W1062" s="263"/>
      <c r="X1062" s="263"/>
      <c r="Y1062" s="263"/>
      <c r="Z1062" s="263"/>
      <c r="AA1062" s="263"/>
      <c r="AB1062" s="263"/>
      <c r="AC1062" s="263"/>
      <c r="AD1062" s="263"/>
      <c r="AE1062" s="263"/>
      <c r="AF1062" s="263"/>
      <c r="AG1062" s="263"/>
      <c r="AH1062" s="263"/>
      <c r="AI1062" s="263"/>
      <c r="AJ1062" s="312"/>
      <c r="AK1062" s="277"/>
      <c r="AL1062" s="278"/>
    </row>
    <row r="1063" spans="1:38" s="76" customFormat="1" ht="13.5" customHeight="1" thickTop="1">
      <c r="A1063" s="194"/>
      <c r="B1063" s="194"/>
      <c r="C1063" s="273"/>
      <c r="D1063" s="274"/>
      <c r="E1063" s="274"/>
      <c r="F1063" s="274"/>
      <c r="G1063" s="274"/>
      <c r="H1063" s="274"/>
      <c r="I1063" s="274"/>
      <c r="J1063" s="274"/>
      <c r="K1063" s="274"/>
      <c r="L1063" s="274"/>
      <c r="M1063" s="274"/>
      <c r="N1063" s="274"/>
      <c r="O1063" s="274"/>
      <c r="P1063" s="274"/>
      <c r="Q1063" s="274"/>
      <c r="R1063" s="274"/>
      <c r="S1063" s="274"/>
      <c r="T1063" s="274"/>
      <c r="U1063" s="274"/>
      <c r="V1063" s="274"/>
      <c r="W1063" s="274"/>
      <c r="X1063" s="274"/>
      <c r="Y1063" s="274"/>
      <c r="Z1063" s="274"/>
      <c r="AA1063" s="274"/>
      <c r="AB1063" s="274"/>
      <c r="AC1063" s="274"/>
      <c r="AD1063" s="274"/>
      <c r="AE1063" s="274"/>
      <c r="AF1063" s="274"/>
      <c r="AG1063" s="274"/>
      <c r="AH1063" s="274"/>
      <c r="AI1063" s="274"/>
      <c r="AJ1063" s="274"/>
      <c r="AK1063" s="130"/>
      <c r="AL1063" s="75"/>
    </row>
    <row r="1064" spans="1:38" s="76" customFormat="1" ht="13.5" customHeight="1"/>
    <row r="1065" spans="1:38" s="76" customFormat="1" thickBot="1">
      <c r="C1065" s="76" t="s">
        <v>340</v>
      </c>
    </row>
    <row r="1066" spans="1:38" s="76" customFormat="1" ht="14.25" customHeight="1" thickTop="1">
      <c r="B1066" s="148"/>
      <c r="C1066" s="306" t="s">
        <v>378</v>
      </c>
      <c r="D1066" s="262"/>
      <c r="E1066" s="262"/>
      <c r="F1066" s="262"/>
      <c r="G1066" s="262"/>
      <c r="H1066" s="262"/>
      <c r="I1066" s="262"/>
      <c r="J1066" s="262"/>
      <c r="K1066" s="262"/>
      <c r="L1066" s="262"/>
      <c r="M1066" s="262"/>
      <c r="N1066" s="262"/>
      <c r="O1066" s="262"/>
      <c r="P1066" s="262"/>
      <c r="Q1066" s="262"/>
      <c r="R1066" s="262"/>
      <c r="S1066" s="262"/>
      <c r="T1066" s="262"/>
      <c r="U1066" s="262"/>
      <c r="V1066" s="262"/>
      <c r="W1066" s="262"/>
      <c r="X1066" s="262"/>
      <c r="Y1066" s="262"/>
      <c r="Z1066" s="262"/>
      <c r="AA1066" s="262"/>
      <c r="AB1066" s="262"/>
      <c r="AC1066" s="262"/>
      <c r="AD1066" s="262"/>
      <c r="AE1066" s="262"/>
      <c r="AF1066" s="262"/>
      <c r="AG1066" s="262"/>
      <c r="AH1066" s="262"/>
      <c r="AI1066" s="262"/>
      <c r="AJ1066" s="311"/>
      <c r="AK1066" s="275"/>
      <c r="AL1066" s="276"/>
    </row>
    <row r="1067" spans="1:38" s="76" customFormat="1" thickBot="1">
      <c r="B1067" s="148"/>
      <c r="C1067" s="308"/>
      <c r="D1067" s="284"/>
      <c r="E1067" s="284"/>
      <c r="F1067" s="284"/>
      <c r="G1067" s="284"/>
      <c r="H1067" s="284"/>
      <c r="I1067" s="284"/>
      <c r="J1067" s="284"/>
      <c r="K1067" s="284"/>
      <c r="L1067" s="284"/>
      <c r="M1067" s="284"/>
      <c r="N1067" s="284"/>
      <c r="O1067" s="284"/>
      <c r="P1067" s="284"/>
      <c r="Q1067" s="284"/>
      <c r="R1067" s="284"/>
      <c r="S1067" s="284"/>
      <c r="T1067" s="284"/>
      <c r="U1067" s="284"/>
      <c r="V1067" s="284"/>
      <c r="W1067" s="284"/>
      <c r="X1067" s="284"/>
      <c r="Y1067" s="284"/>
      <c r="Z1067" s="284"/>
      <c r="AA1067" s="284"/>
      <c r="AB1067" s="284"/>
      <c r="AC1067" s="284"/>
      <c r="AD1067" s="284"/>
      <c r="AE1067" s="284"/>
      <c r="AF1067" s="284"/>
      <c r="AG1067" s="284"/>
      <c r="AH1067" s="284"/>
      <c r="AI1067" s="284"/>
      <c r="AJ1067" s="321"/>
      <c r="AK1067" s="277"/>
      <c r="AL1067" s="278"/>
    </row>
    <row r="1068" spans="1:38" s="76" customFormat="1" ht="13.5" customHeight="1" thickTop="1">
      <c r="C1068" s="306" t="s">
        <v>416</v>
      </c>
      <c r="D1068" s="262"/>
      <c r="E1068" s="262"/>
      <c r="F1068" s="262"/>
      <c r="G1068" s="262"/>
      <c r="H1068" s="262"/>
      <c r="I1068" s="262"/>
      <c r="J1068" s="262"/>
      <c r="K1068" s="262"/>
      <c r="L1068" s="262"/>
      <c r="M1068" s="262"/>
      <c r="N1068" s="262"/>
      <c r="O1068" s="262"/>
      <c r="P1068" s="262"/>
      <c r="Q1068" s="262"/>
      <c r="R1068" s="262"/>
      <c r="S1068" s="262"/>
      <c r="T1068" s="262"/>
      <c r="U1068" s="262"/>
      <c r="V1068" s="262"/>
      <c r="W1068" s="262"/>
      <c r="X1068" s="262"/>
      <c r="Y1068" s="262"/>
      <c r="Z1068" s="262"/>
      <c r="AA1068" s="262"/>
      <c r="AB1068" s="262"/>
      <c r="AC1068" s="262"/>
      <c r="AD1068" s="262"/>
      <c r="AE1068" s="262"/>
      <c r="AF1068" s="262"/>
      <c r="AG1068" s="262"/>
      <c r="AH1068" s="262"/>
      <c r="AI1068" s="262"/>
      <c r="AJ1068" s="262"/>
      <c r="AK1068" s="275"/>
      <c r="AL1068" s="276"/>
    </row>
    <row r="1069" spans="1:38" s="76" customFormat="1" ht="13.5" customHeight="1" thickBot="1">
      <c r="C1069" s="307"/>
      <c r="D1069" s="263"/>
      <c r="E1069" s="263"/>
      <c r="F1069" s="263"/>
      <c r="G1069" s="263"/>
      <c r="H1069" s="263"/>
      <c r="I1069" s="263"/>
      <c r="J1069" s="263"/>
      <c r="K1069" s="263"/>
      <c r="L1069" s="263"/>
      <c r="M1069" s="263"/>
      <c r="N1069" s="263"/>
      <c r="O1069" s="263"/>
      <c r="P1069" s="263"/>
      <c r="Q1069" s="263"/>
      <c r="R1069" s="263"/>
      <c r="S1069" s="263"/>
      <c r="T1069" s="263"/>
      <c r="U1069" s="263"/>
      <c r="V1069" s="263"/>
      <c r="W1069" s="263"/>
      <c r="X1069" s="263"/>
      <c r="Y1069" s="263"/>
      <c r="Z1069" s="263"/>
      <c r="AA1069" s="263"/>
      <c r="AB1069" s="263"/>
      <c r="AC1069" s="263"/>
      <c r="AD1069" s="263"/>
      <c r="AE1069" s="263"/>
      <c r="AF1069" s="263"/>
      <c r="AG1069" s="263"/>
      <c r="AH1069" s="263"/>
      <c r="AI1069" s="263"/>
      <c r="AJ1069" s="263"/>
      <c r="AK1069" s="277"/>
      <c r="AL1069" s="278"/>
    </row>
    <row r="1070" spans="1:38" s="76" customFormat="1" ht="13.5" customHeight="1" thickTop="1">
      <c r="C1070" s="308"/>
      <c r="D1070" s="284"/>
      <c r="E1070" s="284"/>
      <c r="F1070" s="284"/>
      <c r="G1070" s="284"/>
      <c r="H1070" s="284"/>
      <c r="I1070" s="284"/>
      <c r="J1070" s="284"/>
      <c r="K1070" s="284"/>
      <c r="L1070" s="284"/>
      <c r="M1070" s="284"/>
      <c r="N1070" s="284"/>
      <c r="O1070" s="284"/>
      <c r="P1070" s="284"/>
      <c r="Q1070" s="284"/>
      <c r="R1070" s="284"/>
      <c r="S1070" s="284"/>
      <c r="T1070" s="284"/>
      <c r="U1070" s="284"/>
      <c r="V1070" s="284"/>
      <c r="W1070" s="284"/>
      <c r="X1070" s="284"/>
      <c r="Y1070" s="284"/>
      <c r="Z1070" s="284"/>
      <c r="AA1070" s="284"/>
      <c r="AB1070" s="284"/>
      <c r="AC1070" s="284"/>
      <c r="AD1070" s="284"/>
      <c r="AE1070" s="284"/>
      <c r="AF1070" s="284"/>
      <c r="AG1070" s="284"/>
      <c r="AH1070" s="284"/>
      <c r="AI1070" s="284"/>
      <c r="AJ1070" s="284"/>
      <c r="AK1070" s="153"/>
    </row>
    <row r="1071" spans="1:38" s="76" customFormat="1" ht="13"/>
    <row r="1072" spans="1:38" s="76" customFormat="1" thickBot="1">
      <c r="C1072" s="76" t="s">
        <v>341</v>
      </c>
    </row>
    <row r="1073" spans="2:38" s="76" customFormat="1" ht="14.25" customHeight="1" thickTop="1">
      <c r="B1073" s="148"/>
      <c r="C1073" s="306" t="s">
        <v>342</v>
      </c>
      <c r="D1073" s="262"/>
      <c r="E1073" s="262"/>
      <c r="F1073" s="262"/>
      <c r="G1073" s="262"/>
      <c r="H1073" s="262"/>
      <c r="I1073" s="262"/>
      <c r="J1073" s="262"/>
      <c r="K1073" s="262"/>
      <c r="L1073" s="262"/>
      <c r="M1073" s="262"/>
      <c r="N1073" s="262"/>
      <c r="O1073" s="262"/>
      <c r="P1073" s="262"/>
      <c r="Q1073" s="262"/>
      <c r="R1073" s="262"/>
      <c r="S1073" s="262"/>
      <c r="T1073" s="262"/>
      <c r="U1073" s="262"/>
      <c r="V1073" s="262"/>
      <c r="W1073" s="262"/>
      <c r="X1073" s="262"/>
      <c r="Y1073" s="262"/>
      <c r="Z1073" s="262"/>
      <c r="AA1073" s="262"/>
      <c r="AB1073" s="262"/>
      <c r="AC1073" s="262"/>
      <c r="AD1073" s="262"/>
      <c r="AE1073" s="262"/>
      <c r="AF1073" s="262"/>
      <c r="AG1073" s="262"/>
      <c r="AH1073" s="262"/>
      <c r="AI1073" s="262"/>
      <c r="AJ1073" s="311"/>
      <c r="AK1073" s="275"/>
      <c r="AL1073" s="276"/>
    </row>
    <row r="1074" spans="2:38" s="76" customFormat="1" thickBot="1">
      <c r="B1074" s="148"/>
      <c r="C1074" s="308"/>
      <c r="D1074" s="284"/>
      <c r="E1074" s="284"/>
      <c r="F1074" s="284"/>
      <c r="G1074" s="284"/>
      <c r="H1074" s="284"/>
      <c r="I1074" s="284"/>
      <c r="J1074" s="284"/>
      <c r="K1074" s="284"/>
      <c r="L1074" s="284"/>
      <c r="M1074" s="284"/>
      <c r="N1074" s="284"/>
      <c r="O1074" s="284"/>
      <c r="P1074" s="284"/>
      <c r="Q1074" s="284"/>
      <c r="R1074" s="284"/>
      <c r="S1074" s="284"/>
      <c r="T1074" s="284"/>
      <c r="U1074" s="284"/>
      <c r="V1074" s="284"/>
      <c r="W1074" s="284"/>
      <c r="X1074" s="284"/>
      <c r="Y1074" s="284"/>
      <c r="Z1074" s="284"/>
      <c r="AA1074" s="284"/>
      <c r="AB1074" s="284"/>
      <c r="AC1074" s="284"/>
      <c r="AD1074" s="284"/>
      <c r="AE1074" s="284"/>
      <c r="AF1074" s="284"/>
      <c r="AG1074" s="284"/>
      <c r="AH1074" s="284"/>
      <c r="AI1074" s="284"/>
      <c r="AJ1074" s="321"/>
      <c r="AK1074" s="277"/>
      <c r="AL1074" s="278"/>
    </row>
    <row r="1075" spans="2:38" s="76" customFormat="1" thickTop="1">
      <c r="B1075" s="148"/>
      <c r="C1075" s="306" t="s">
        <v>343</v>
      </c>
      <c r="D1075" s="262"/>
      <c r="E1075" s="262"/>
      <c r="F1075" s="262"/>
      <c r="G1075" s="262"/>
      <c r="H1075" s="262"/>
      <c r="I1075" s="262"/>
      <c r="J1075" s="262"/>
      <c r="K1075" s="262"/>
      <c r="L1075" s="262"/>
      <c r="M1075" s="262"/>
      <c r="N1075" s="262"/>
      <c r="O1075" s="262"/>
      <c r="P1075" s="262"/>
      <c r="Q1075" s="262"/>
      <c r="R1075" s="262"/>
      <c r="S1075" s="262"/>
      <c r="T1075" s="262"/>
      <c r="U1075" s="262"/>
      <c r="V1075" s="262"/>
      <c r="W1075" s="262"/>
      <c r="X1075" s="262"/>
      <c r="Y1075" s="262"/>
      <c r="Z1075" s="262"/>
      <c r="AA1075" s="262"/>
      <c r="AB1075" s="262"/>
      <c r="AC1075" s="262"/>
      <c r="AD1075" s="262"/>
      <c r="AE1075" s="262"/>
      <c r="AF1075" s="262"/>
      <c r="AG1075" s="262"/>
      <c r="AH1075" s="262"/>
      <c r="AI1075" s="262"/>
      <c r="AJ1075" s="311"/>
      <c r="AK1075" s="275"/>
      <c r="AL1075" s="276"/>
    </row>
    <row r="1076" spans="2:38" s="76" customFormat="1" ht="14.25" customHeight="1" thickBot="1">
      <c r="B1076" s="148"/>
      <c r="C1076" s="308"/>
      <c r="D1076" s="284"/>
      <c r="E1076" s="284"/>
      <c r="F1076" s="284"/>
      <c r="G1076" s="284"/>
      <c r="H1076" s="284"/>
      <c r="I1076" s="284"/>
      <c r="J1076" s="284"/>
      <c r="K1076" s="284"/>
      <c r="L1076" s="284"/>
      <c r="M1076" s="284"/>
      <c r="N1076" s="284"/>
      <c r="O1076" s="284"/>
      <c r="P1076" s="284"/>
      <c r="Q1076" s="284"/>
      <c r="R1076" s="284"/>
      <c r="S1076" s="284"/>
      <c r="T1076" s="284"/>
      <c r="U1076" s="284"/>
      <c r="V1076" s="284"/>
      <c r="W1076" s="284"/>
      <c r="X1076" s="284"/>
      <c r="Y1076" s="284"/>
      <c r="Z1076" s="284"/>
      <c r="AA1076" s="284"/>
      <c r="AB1076" s="284"/>
      <c r="AC1076" s="284"/>
      <c r="AD1076" s="284"/>
      <c r="AE1076" s="284"/>
      <c r="AF1076" s="284"/>
      <c r="AG1076" s="284"/>
      <c r="AH1076" s="284"/>
      <c r="AI1076" s="284"/>
      <c r="AJ1076" s="321"/>
      <c r="AK1076" s="277"/>
      <c r="AL1076" s="278"/>
    </row>
    <row r="1077" spans="2:38" s="76" customFormat="1" thickTop="1">
      <c r="B1077" s="148"/>
      <c r="C1077" s="292" t="s">
        <v>379</v>
      </c>
      <c r="D1077" s="293"/>
      <c r="E1077" s="293"/>
      <c r="F1077" s="293"/>
      <c r="G1077" s="293"/>
      <c r="H1077" s="293"/>
      <c r="I1077" s="293"/>
      <c r="J1077" s="293"/>
      <c r="K1077" s="293"/>
      <c r="L1077" s="293"/>
      <c r="M1077" s="293"/>
      <c r="N1077" s="293"/>
      <c r="O1077" s="293"/>
      <c r="P1077" s="293"/>
      <c r="Q1077" s="293"/>
      <c r="R1077" s="293"/>
      <c r="S1077" s="293"/>
      <c r="T1077" s="293"/>
      <c r="U1077" s="293"/>
      <c r="V1077" s="293"/>
      <c r="W1077" s="293"/>
      <c r="X1077" s="293"/>
      <c r="Y1077" s="293"/>
      <c r="Z1077" s="293"/>
      <c r="AA1077" s="293"/>
      <c r="AB1077" s="293"/>
      <c r="AC1077" s="293"/>
      <c r="AD1077" s="293"/>
      <c r="AE1077" s="293"/>
      <c r="AF1077" s="293"/>
      <c r="AG1077" s="293"/>
      <c r="AH1077" s="293"/>
      <c r="AI1077" s="293"/>
      <c r="AJ1077" s="294"/>
      <c r="AK1077" s="275"/>
      <c r="AL1077" s="276"/>
    </row>
    <row r="1078" spans="2:38" s="76" customFormat="1" thickBot="1">
      <c r="B1078" s="148"/>
      <c r="C1078" s="295"/>
      <c r="D1078" s="296"/>
      <c r="E1078" s="296"/>
      <c r="F1078" s="296"/>
      <c r="G1078" s="296"/>
      <c r="H1078" s="296"/>
      <c r="I1078" s="296"/>
      <c r="J1078" s="296"/>
      <c r="K1078" s="296"/>
      <c r="L1078" s="296"/>
      <c r="M1078" s="296"/>
      <c r="N1078" s="296"/>
      <c r="O1078" s="296"/>
      <c r="P1078" s="296"/>
      <c r="Q1078" s="296"/>
      <c r="R1078" s="296"/>
      <c r="S1078" s="296"/>
      <c r="T1078" s="296"/>
      <c r="U1078" s="296"/>
      <c r="V1078" s="296"/>
      <c r="W1078" s="296"/>
      <c r="X1078" s="296"/>
      <c r="Y1078" s="296"/>
      <c r="Z1078" s="296"/>
      <c r="AA1078" s="296"/>
      <c r="AB1078" s="296"/>
      <c r="AC1078" s="296"/>
      <c r="AD1078" s="296"/>
      <c r="AE1078" s="296"/>
      <c r="AF1078" s="296"/>
      <c r="AG1078" s="296"/>
      <c r="AH1078" s="296"/>
      <c r="AI1078" s="296"/>
      <c r="AJ1078" s="297"/>
      <c r="AK1078" s="277"/>
      <c r="AL1078" s="278"/>
    </row>
    <row r="1079" spans="2:38" s="76" customFormat="1" ht="14.25" customHeight="1" thickTop="1">
      <c r="B1079" s="148"/>
      <c r="C1079" s="306" t="s">
        <v>344</v>
      </c>
      <c r="D1079" s="262"/>
      <c r="E1079" s="262"/>
      <c r="F1079" s="262"/>
      <c r="G1079" s="262"/>
      <c r="H1079" s="262"/>
      <c r="I1079" s="262"/>
      <c r="J1079" s="262"/>
      <c r="K1079" s="262"/>
      <c r="L1079" s="262"/>
      <c r="M1079" s="262"/>
      <c r="N1079" s="262"/>
      <c r="O1079" s="262"/>
      <c r="P1079" s="262"/>
      <c r="Q1079" s="262"/>
      <c r="R1079" s="262"/>
      <c r="S1079" s="262"/>
      <c r="T1079" s="262"/>
      <c r="U1079" s="262"/>
      <c r="V1079" s="262"/>
      <c r="W1079" s="262"/>
      <c r="X1079" s="262"/>
      <c r="Y1079" s="262"/>
      <c r="Z1079" s="262"/>
      <c r="AA1079" s="262"/>
      <c r="AB1079" s="262"/>
      <c r="AC1079" s="262"/>
      <c r="AD1079" s="262"/>
      <c r="AE1079" s="262"/>
      <c r="AF1079" s="262"/>
      <c r="AG1079" s="262"/>
      <c r="AH1079" s="262"/>
      <c r="AI1079" s="262"/>
      <c r="AJ1079" s="311"/>
      <c r="AK1079" s="275"/>
      <c r="AL1079" s="276"/>
    </row>
    <row r="1080" spans="2:38" s="76" customFormat="1" thickBot="1">
      <c r="B1080" s="148"/>
      <c r="C1080" s="308"/>
      <c r="D1080" s="284"/>
      <c r="E1080" s="284"/>
      <c r="F1080" s="284"/>
      <c r="G1080" s="284"/>
      <c r="H1080" s="284"/>
      <c r="I1080" s="284"/>
      <c r="J1080" s="284"/>
      <c r="K1080" s="284"/>
      <c r="L1080" s="284"/>
      <c r="M1080" s="284"/>
      <c r="N1080" s="284"/>
      <c r="O1080" s="284"/>
      <c r="P1080" s="284"/>
      <c r="Q1080" s="284"/>
      <c r="R1080" s="284"/>
      <c r="S1080" s="284"/>
      <c r="T1080" s="284"/>
      <c r="U1080" s="284"/>
      <c r="V1080" s="284"/>
      <c r="W1080" s="284"/>
      <c r="X1080" s="284"/>
      <c r="Y1080" s="284"/>
      <c r="Z1080" s="284"/>
      <c r="AA1080" s="284"/>
      <c r="AB1080" s="284"/>
      <c r="AC1080" s="284"/>
      <c r="AD1080" s="284"/>
      <c r="AE1080" s="284"/>
      <c r="AF1080" s="284"/>
      <c r="AG1080" s="284"/>
      <c r="AH1080" s="284"/>
      <c r="AI1080" s="284"/>
      <c r="AJ1080" s="321"/>
      <c r="AK1080" s="277"/>
      <c r="AL1080" s="278"/>
    </row>
    <row r="1081" spans="2:38" s="76" customFormat="1" thickTop="1">
      <c r="B1081" s="148"/>
      <c r="C1081" s="306" t="s">
        <v>345</v>
      </c>
      <c r="D1081" s="262"/>
      <c r="E1081" s="262"/>
      <c r="F1081" s="262"/>
      <c r="G1081" s="262"/>
      <c r="H1081" s="262"/>
      <c r="I1081" s="262"/>
      <c r="J1081" s="262"/>
      <c r="K1081" s="262"/>
      <c r="L1081" s="262"/>
      <c r="M1081" s="262"/>
      <c r="N1081" s="262"/>
      <c r="O1081" s="262"/>
      <c r="P1081" s="262"/>
      <c r="Q1081" s="262"/>
      <c r="R1081" s="262"/>
      <c r="S1081" s="262"/>
      <c r="T1081" s="262"/>
      <c r="U1081" s="262"/>
      <c r="V1081" s="262"/>
      <c r="W1081" s="262"/>
      <c r="X1081" s="262"/>
      <c r="Y1081" s="262"/>
      <c r="Z1081" s="262"/>
      <c r="AA1081" s="262"/>
      <c r="AB1081" s="262"/>
      <c r="AC1081" s="262"/>
      <c r="AD1081" s="262"/>
      <c r="AE1081" s="262"/>
      <c r="AF1081" s="262"/>
      <c r="AG1081" s="262"/>
      <c r="AH1081" s="262"/>
      <c r="AI1081" s="262"/>
      <c r="AJ1081" s="311"/>
      <c r="AK1081" s="275"/>
      <c r="AL1081" s="276"/>
    </row>
    <row r="1082" spans="2:38" s="76" customFormat="1" ht="14.25" customHeight="1" thickBot="1">
      <c r="B1082" s="148"/>
      <c r="C1082" s="308"/>
      <c r="D1082" s="284"/>
      <c r="E1082" s="284"/>
      <c r="F1082" s="284"/>
      <c r="G1082" s="284"/>
      <c r="H1082" s="284"/>
      <c r="I1082" s="284"/>
      <c r="J1082" s="284"/>
      <c r="K1082" s="284"/>
      <c r="L1082" s="284"/>
      <c r="M1082" s="284"/>
      <c r="N1082" s="284"/>
      <c r="O1082" s="284"/>
      <c r="P1082" s="284"/>
      <c r="Q1082" s="284"/>
      <c r="R1082" s="284"/>
      <c r="S1082" s="284"/>
      <c r="T1082" s="284"/>
      <c r="U1082" s="284"/>
      <c r="V1082" s="284"/>
      <c r="W1082" s="284"/>
      <c r="X1082" s="284"/>
      <c r="Y1082" s="284"/>
      <c r="Z1082" s="284"/>
      <c r="AA1082" s="284"/>
      <c r="AB1082" s="284"/>
      <c r="AC1082" s="284"/>
      <c r="AD1082" s="284"/>
      <c r="AE1082" s="284"/>
      <c r="AF1082" s="284"/>
      <c r="AG1082" s="284"/>
      <c r="AH1082" s="284"/>
      <c r="AI1082" s="284"/>
      <c r="AJ1082" s="321"/>
      <c r="AK1082" s="277"/>
      <c r="AL1082" s="278"/>
    </row>
    <row r="1083" spans="2:38" s="76" customFormat="1" thickTop="1">
      <c r="B1083" s="148"/>
      <c r="C1083" s="292" t="s">
        <v>380</v>
      </c>
      <c r="D1083" s="293"/>
      <c r="E1083" s="293"/>
      <c r="F1083" s="293"/>
      <c r="G1083" s="293"/>
      <c r="H1083" s="293"/>
      <c r="I1083" s="293"/>
      <c r="J1083" s="293"/>
      <c r="K1083" s="293"/>
      <c r="L1083" s="293"/>
      <c r="M1083" s="293"/>
      <c r="N1083" s="293"/>
      <c r="O1083" s="293"/>
      <c r="P1083" s="293"/>
      <c r="Q1083" s="293"/>
      <c r="R1083" s="293"/>
      <c r="S1083" s="293"/>
      <c r="T1083" s="293"/>
      <c r="U1083" s="293"/>
      <c r="V1083" s="293"/>
      <c r="W1083" s="293"/>
      <c r="X1083" s="293"/>
      <c r="Y1083" s="293"/>
      <c r="Z1083" s="293"/>
      <c r="AA1083" s="293"/>
      <c r="AB1083" s="293"/>
      <c r="AC1083" s="293"/>
      <c r="AD1083" s="293"/>
      <c r="AE1083" s="293"/>
      <c r="AF1083" s="293"/>
      <c r="AG1083" s="293"/>
      <c r="AH1083" s="293"/>
      <c r="AI1083" s="293"/>
      <c r="AJ1083" s="294"/>
      <c r="AK1083" s="275"/>
      <c r="AL1083" s="276"/>
    </row>
    <row r="1084" spans="2:38" s="76" customFormat="1" thickBot="1">
      <c r="B1084" s="148"/>
      <c r="C1084" s="295"/>
      <c r="D1084" s="296"/>
      <c r="E1084" s="296"/>
      <c r="F1084" s="296"/>
      <c r="G1084" s="296"/>
      <c r="H1084" s="296"/>
      <c r="I1084" s="296"/>
      <c r="J1084" s="296"/>
      <c r="K1084" s="296"/>
      <c r="L1084" s="296"/>
      <c r="M1084" s="296"/>
      <c r="N1084" s="296"/>
      <c r="O1084" s="296"/>
      <c r="P1084" s="296"/>
      <c r="Q1084" s="296"/>
      <c r="R1084" s="296"/>
      <c r="S1084" s="296"/>
      <c r="T1084" s="296"/>
      <c r="U1084" s="296"/>
      <c r="V1084" s="296"/>
      <c r="W1084" s="296"/>
      <c r="X1084" s="296"/>
      <c r="Y1084" s="296"/>
      <c r="Z1084" s="296"/>
      <c r="AA1084" s="296"/>
      <c r="AB1084" s="296"/>
      <c r="AC1084" s="296"/>
      <c r="AD1084" s="296"/>
      <c r="AE1084" s="296"/>
      <c r="AF1084" s="296"/>
      <c r="AG1084" s="296"/>
      <c r="AH1084" s="296"/>
      <c r="AI1084" s="296"/>
      <c r="AJ1084" s="297"/>
      <c r="AK1084" s="277"/>
      <c r="AL1084" s="278"/>
    </row>
    <row r="1085" spans="2:38" s="76" customFormat="1" thickTop="1">
      <c r="B1085" s="148"/>
      <c r="C1085" s="292" t="s">
        <v>346</v>
      </c>
      <c r="D1085" s="293"/>
      <c r="E1085" s="293"/>
      <c r="F1085" s="293"/>
      <c r="G1085" s="293"/>
      <c r="H1085" s="293"/>
      <c r="I1085" s="293"/>
      <c r="J1085" s="293"/>
      <c r="K1085" s="293"/>
      <c r="L1085" s="293"/>
      <c r="M1085" s="293"/>
      <c r="N1085" s="293"/>
      <c r="O1085" s="293"/>
      <c r="P1085" s="293"/>
      <c r="Q1085" s="293"/>
      <c r="R1085" s="293"/>
      <c r="S1085" s="293"/>
      <c r="T1085" s="293"/>
      <c r="U1085" s="293"/>
      <c r="V1085" s="293"/>
      <c r="W1085" s="293"/>
      <c r="X1085" s="293"/>
      <c r="Y1085" s="293"/>
      <c r="Z1085" s="293"/>
      <c r="AA1085" s="293"/>
      <c r="AB1085" s="293"/>
      <c r="AC1085" s="293"/>
      <c r="AD1085" s="293"/>
      <c r="AE1085" s="293"/>
      <c r="AF1085" s="293"/>
      <c r="AG1085" s="293"/>
      <c r="AH1085" s="293"/>
      <c r="AI1085" s="293"/>
      <c r="AJ1085" s="294"/>
      <c r="AK1085" s="275"/>
      <c r="AL1085" s="276"/>
    </row>
    <row r="1086" spans="2:38" s="76" customFormat="1" thickBot="1">
      <c r="B1086" s="148"/>
      <c r="C1086" s="295"/>
      <c r="D1086" s="296"/>
      <c r="E1086" s="296"/>
      <c r="F1086" s="296"/>
      <c r="G1086" s="296"/>
      <c r="H1086" s="296"/>
      <c r="I1086" s="296"/>
      <c r="J1086" s="296"/>
      <c r="K1086" s="296"/>
      <c r="L1086" s="296"/>
      <c r="M1086" s="296"/>
      <c r="N1086" s="296"/>
      <c r="O1086" s="296"/>
      <c r="P1086" s="296"/>
      <c r="Q1086" s="296"/>
      <c r="R1086" s="296"/>
      <c r="S1086" s="296"/>
      <c r="T1086" s="296"/>
      <c r="U1086" s="296"/>
      <c r="V1086" s="296"/>
      <c r="W1086" s="296"/>
      <c r="X1086" s="296"/>
      <c r="Y1086" s="296"/>
      <c r="Z1086" s="296"/>
      <c r="AA1086" s="296"/>
      <c r="AB1086" s="296"/>
      <c r="AC1086" s="296"/>
      <c r="AD1086" s="296"/>
      <c r="AE1086" s="296"/>
      <c r="AF1086" s="296"/>
      <c r="AG1086" s="296"/>
      <c r="AH1086" s="296"/>
      <c r="AI1086" s="296"/>
      <c r="AJ1086" s="297"/>
      <c r="AK1086" s="277"/>
      <c r="AL1086" s="278"/>
    </row>
    <row r="1087" spans="2:38" s="76" customFormat="1" ht="13.5" customHeight="1" thickTop="1">
      <c r="C1087" s="201" t="s">
        <v>59</v>
      </c>
      <c r="D1087" s="569" t="s">
        <v>347</v>
      </c>
      <c r="E1087" s="569"/>
      <c r="F1087" s="569"/>
      <c r="G1087" s="569"/>
      <c r="H1087" s="569"/>
      <c r="I1087" s="569"/>
      <c r="J1087" s="569"/>
      <c r="K1087" s="569"/>
      <c r="L1087" s="569"/>
      <c r="M1087" s="569"/>
      <c r="N1087" s="569"/>
      <c r="O1087" s="569"/>
      <c r="P1087" s="569"/>
      <c r="Q1087" s="569"/>
      <c r="R1087" s="569"/>
      <c r="S1087" s="569"/>
      <c r="T1087" s="569"/>
      <c r="U1087" s="569"/>
      <c r="V1087" s="569"/>
      <c r="W1087" s="569"/>
      <c r="X1087" s="569"/>
      <c r="Y1087" s="569"/>
      <c r="Z1087" s="569"/>
      <c r="AA1087" s="569"/>
      <c r="AB1087" s="569"/>
      <c r="AC1087" s="569"/>
      <c r="AD1087" s="569"/>
      <c r="AE1087" s="569"/>
      <c r="AF1087" s="569"/>
      <c r="AG1087" s="569"/>
      <c r="AH1087" s="569"/>
      <c r="AI1087" s="569"/>
      <c r="AJ1087" s="569"/>
    </row>
    <row r="1088" spans="2:38" s="76" customFormat="1" ht="13.5" customHeight="1">
      <c r="D1088" s="372"/>
      <c r="E1088" s="372"/>
      <c r="F1088" s="372"/>
      <c r="G1088" s="372"/>
      <c r="H1088" s="372"/>
      <c r="I1088" s="372"/>
      <c r="J1088" s="372"/>
      <c r="K1088" s="372"/>
      <c r="L1088" s="372"/>
      <c r="M1088" s="372"/>
      <c r="N1088" s="372"/>
      <c r="O1088" s="372"/>
      <c r="P1088" s="372"/>
      <c r="Q1088" s="372"/>
      <c r="R1088" s="372"/>
      <c r="S1088" s="372"/>
      <c r="T1088" s="372"/>
      <c r="U1088" s="372"/>
      <c r="V1088" s="372"/>
      <c r="W1088" s="372"/>
      <c r="X1088" s="372"/>
      <c r="Y1088" s="372"/>
      <c r="Z1088" s="372"/>
      <c r="AA1088" s="372"/>
      <c r="AB1088" s="372"/>
      <c r="AC1088" s="372"/>
      <c r="AD1088" s="372"/>
      <c r="AE1088" s="372"/>
      <c r="AF1088" s="372"/>
      <c r="AG1088" s="372"/>
      <c r="AH1088" s="372"/>
      <c r="AI1088" s="372"/>
      <c r="AJ1088" s="372"/>
    </row>
    <row r="1089" spans="1:38" s="76" customFormat="1" thickBot="1"/>
    <row r="1090" spans="1:38" s="76" customFormat="1" ht="13.5" customHeight="1" thickTop="1">
      <c r="A1090" s="266">
        <v>114</v>
      </c>
      <c r="B1090" s="302"/>
      <c r="C1090" s="270" t="s">
        <v>587</v>
      </c>
      <c r="D1090" s="271"/>
      <c r="E1090" s="271"/>
      <c r="F1090" s="271"/>
      <c r="G1090" s="271"/>
      <c r="H1090" s="271"/>
      <c r="I1090" s="271"/>
      <c r="J1090" s="271"/>
      <c r="K1090" s="271"/>
      <c r="L1090" s="271"/>
      <c r="M1090" s="271"/>
      <c r="N1090" s="271"/>
      <c r="O1090" s="271"/>
      <c r="P1090" s="271"/>
      <c r="Q1090" s="271"/>
      <c r="R1090" s="271"/>
      <c r="S1090" s="271"/>
      <c r="T1090" s="271"/>
      <c r="U1090" s="271"/>
      <c r="V1090" s="271"/>
      <c r="W1090" s="271"/>
      <c r="X1090" s="271"/>
      <c r="Y1090" s="271"/>
      <c r="Z1090" s="271"/>
      <c r="AA1090" s="271"/>
      <c r="AB1090" s="271"/>
      <c r="AC1090" s="271"/>
      <c r="AD1090" s="271"/>
      <c r="AE1090" s="271"/>
      <c r="AF1090" s="271"/>
      <c r="AG1090" s="271"/>
      <c r="AH1090" s="271"/>
      <c r="AI1090" s="271"/>
      <c r="AJ1090" s="279"/>
      <c r="AK1090" s="275"/>
      <c r="AL1090" s="276"/>
    </row>
    <row r="1091" spans="1:38" s="76" customFormat="1" ht="13.5" customHeight="1" thickBot="1">
      <c r="A1091" s="268"/>
      <c r="B1091" s="303"/>
      <c r="C1091" s="272"/>
      <c r="D1091" s="263"/>
      <c r="E1091" s="263"/>
      <c r="F1091" s="263"/>
      <c r="G1091" s="263"/>
      <c r="H1091" s="263"/>
      <c r="I1091" s="263"/>
      <c r="J1091" s="263"/>
      <c r="K1091" s="263"/>
      <c r="L1091" s="263"/>
      <c r="M1091" s="263"/>
      <c r="N1091" s="263"/>
      <c r="O1091" s="263"/>
      <c r="P1091" s="263"/>
      <c r="Q1091" s="263"/>
      <c r="R1091" s="263"/>
      <c r="S1091" s="263"/>
      <c r="T1091" s="263"/>
      <c r="U1091" s="263"/>
      <c r="V1091" s="263"/>
      <c r="W1091" s="263"/>
      <c r="X1091" s="263"/>
      <c r="Y1091" s="263"/>
      <c r="Z1091" s="263"/>
      <c r="AA1091" s="263"/>
      <c r="AB1091" s="263"/>
      <c r="AC1091" s="263"/>
      <c r="AD1091" s="263"/>
      <c r="AE1091" s="263"/>
      <c r="AF1091" s="263"/>
      <c r="AG1091" s="263"/>
      <c r="AH1091" s="263"/>
      <c r="AI1091" s="263"/>
      <c r="AJ1091" s="312"/>
      <c r="AK1091" s="277"/>
      <c r="AL1091" s="278"/>
    </row>
    <row r="1092" spans="1:38" s="76" customFormat="1" ht="13.5" customHeight="1" thickTop="1">
      <c r="A1092" s="194"/>
      <c r="B1092" s="194"/>
      <c r="C1092" s="273"/>
      <c r="D1092" s="274"/>
      <c r="E1092" s="274"/>
      <c r="F1092" s="274"/>
      <c r="G1092" s="274"/>
      <c r="H1092" s="274"/>
      <c r="I1092" s="274"/>
      <c r="J1092" s="274"/>
      <c r="K1092" s="274"/>
      <c r="L1092" s="274"/>
      <c r="M1092" s="274"/>
      <c r="N1092" s="274"/>
      <c r="O1092" s="274"/>
      <c r="P1092" s="274"/>
      <c r="Q1092" s="274"/>
      <c r="R1092" s="274"/>
      <c r="S1092" s="274"/>
      <c r="T1092" s="274"/>
      <c r="U1092" s="274"/>
      <c r="V1092" s="274"/>
      <c r="W1092" s="274"/>
      <c r="X1092" s="274"/>
      <c r="Y1092" s="274"/>
      <c r="Z1092" s="274"/>
      <c r="AA1092" s="274"/>
      <c r="AB1092" s="274"/>
      <c r="AC1092" s="274"/>
      <c r="AD1092" s="274"/>
      <c r="AE1092" s="274"/>
      <c r="AF1092" s="274"/>
      <c r="AG1092" s="274"/>
      <c r="AH1092" s="274"/>
      <c r="AI1092" s="274"/>
      <c r="AJ1092" s="274"/>
      <c r="AK1092" s="130"/>
      <c r="AL1092" s="75"/>
    </row>
    <row r="1093" spans="1:38" s="76" customFormat="1" thickBot="1"/>
    <row r="1094" spans="1:38" s="76" customFormat="1" thickTop="1">
      <c r="B1094" s="148"/>
      <c r="C1094" s="306" t="s">
        <v>688</v>
      </c>
      <c r="D1094" s="262"/>
      <c r="E1094" s="262"/>
      <c r="F1094" s="262"/>
      <c r="G1094" s="262"/>
      <c r="H1094" s="262"/>
      <c r="I1094" s="262"/>
      <c r="J1094" s="262"/>
      <c r="K1094" s="262"/>
      <c r="L1094" s="262"/>
      <c r="M1094" s="262"/>
      <c r="N1094" s="262"/>
      <c r="O1094" s="262"/>
      <c r="P1094" s="262"/>
      <c r="Q1094" s="262"/>
      <c r="R1094" s="262"/>
      <c r="S1094" s="262"/>
      <c r="T1094" s="262"/>
      <c r="U1094" s="262"/>
      <c r="V1094" s="262"/>
      <c r="W1094" s="262"/>
      <c r="X1094" s="262"/>
      <c r="Y1094" s="262"/>
      <c r="Z1094" s="262"/>
      <c r="AA1094" s="262"/>
      <c r="AB1094" s="262"/>
      <c r="AC1094" s="262"/>
      <c r="AD1094" s="262"/>
      <c r="AE1094" s="262"/>
      <c r="AF1094" s="262"/>
      <c r="AG1094" s="262"/>
      <c r="AH1094" s="262"/>
      <c r="AI1094" s="262"/>
      <c r="AJ1094" s="311"/>
      <c r="AK1094" s="275"/>
      <c r="AL1094" s="276"/>
    </row>
    <row r="1095" spans="1:38" s="76" customFormat="1" thickBot="1">
      <c r="B1095" s="148"/>
      <c r="C1095" s="308"/>
      <c r="D1095" s="284"/>
      <c r="E1095" s="284"/>
      <c r="F1095" s="284"/>
      <c r="G1095" s="284"/>
      <c r="H1095" s="284"/>
      <c r="I1095" s="284"/>
      <c r="J1095" s="284"/>
      <c r="K1095" s="284"/>
      <c r="L1095" s="284"/>
      <c r="M1095" s="284"/>
      <c r="N1095" s="284"/>
      <c r="O1095" s="284"/>
      <c r="P1095" s="284"/>
      <c r="Q1095" s="284"/>
      <c r="R1095" s="284"/>
      <c r="S1095" s="284"/>
      <c r="T1095" s="284"/>
      <c r="U1095" s="284"/>
      <c r="V1095" s="284"/>
      <c r="W1095" s="284"/>
      <c r="X1095" s="284"/>
      <c r="Y1095" s="284"/>
      <c r="Z1095" s="284"/>
      <c r="AA1095" s="284"/>
      <c r="AB1095" s="284"/>
      <c r="AC1095" s="284"/>
      <c r="AD1095" s="284"/>
      <c r="AE1095" s="284"/>
      <c r="AF1095" s="284"/>
      <c r="AG1095" s="284"/>
      <c r="AH1095" s="284"/>
      <c r="AI1095" s="284"/>
      <c r="AJ1095" s="321"/>
      <c r="AK1095" s="277"/>
      <c r="AL1095" s="278"/>
    </row>
    <row r="1096" spans="1:38" s="76" customFormat="1" thickTop="1">
      <c r="B1096" s="148"/>
      <c r="C1096" s="306" t="s">
        <v>689</v>
      </c>
      <c r="D1096" s="262"/>
      <c r="E1096" s="262"/>
      <c r="F1096" s="262"/>
      <c r="G1096" s="262"/>
      <c r="H1096" s="262"/>
      <c r="I1096" s="262"/>
      <c r="J1096" s="262"/>
      <c r="K1096" s="262"/>
      <c r="L1096" s="262"/>
      <c r="M1096" s="262"/>
      <c r="N1096" s="262"/>
      <c r="O1096" s="262"/>
      <c r="P1096" s="262"/>
      <c r="Q1096" s="262"/>
      <c r="R1096" s="262"/>
      <c r="S1096" s="262"/>
      <c r="T1096" s="262"/>
      <c r="U1096" s="262"/>
      <c r="V1096" s="262"/>
      <c r="W1096" s="262"/>
      <c r="X1096" s="262"/>
      <c r="Y1096" s="262"/>
      <c r="Z1096" s="262"/>
      <c r="AA1096" s="262"/>
      <c r="AB1096" s="262"/>
      <c r="AC1096" s="262"/>
      <c r="AD1096" s="262"/>
      <c r="AE1096" s="262"/>
      <c r="AF1096" s="262"/>
      <c r="AG1096" s="262"/>
      <c r="AH1096" s="262"/>
      <c r="AI1096" s="262"/>
      <c r="AJ1096" s="311"/>
      <c r="AK1096" s="275"/>
      <c r="AL1096" s="276"/>
    </row>
    <row r="1097" spans="1:38" s="76" customFormat="1" thickBot="1">
      <c r="B1097" s="148"/>
      <c r="C1097" s="308"/>
      <c r="D1097" s="284"/>
      <c r="E1097" s="284"/>
      <c r="F1097" s="284"/>
      <c r="G1097" s="284"/>
      <c r="H1097" s="284"/>
      <c r="I1097" s="284"/>
      <c r="J1097" s="284"/>
      <c r="K1097" s="284"/>
      <c r="L1097" s="284"/>
      <c r="M1097" s="284"/>
      <c r="N1097" s="284"/>
      <c r="O1097" s="284"/>
      <c r="P1097" s="284"/>
      <c r="Q1097" s="284"/>
      <c r="R1097" s="284"/>
      <c r="S1097" s="284"/>
      <c r="T1097" s="284"/>
      <c r="U1097" s="284"/>
      <c r="V1097" s="284"/>
      <c r="W1097" s="284"/>
      <c r="X1097" s="284"/>
      <c r="Y1097" s="284"/>
      <c r="Z1097" s="284"/>
      <c r="AA1097" s="284"/>
      <c r="AB1097" s="284"/>
      <c r="AC1097" s="284"/>
      <c r="AD1097" s="284"/>
      <c r="AE1097" s="284"/>
      <c r="AF1097" s="284"/>
      <c r="AG1097" s="284"/>
      <c r="AH1097" s="284"/>
      <c r="AI1097" s="284"/>
      <c r="AJ1097" s="321"/>
      <c r="AK1097" s="277"/>
      <c r="AL1097" s="278"/>
    </row>
    <row r="1098" spans="1:38" s="76" customFormat="1" ht="13.5" customHeight="1" thickTop="1">
      <c r="C1098" s="306" t="s">
        <v>690</v>
      </c>
      <c r="D1098" s="262"/>
      <c r="E1098" s="262"/>
      <c r="F1098" s="262"/>
      <c r="G1098" s="262"/>
      <c r="H1098" s="262"/>
      <c r="I1098" s="262"/>
      <c r="J1098" s="262"/>
      <c r="K1098" s="262"/>
      <c r="L1098" s="262"/>
      <c r="M1098" s="262"/>
      <c r="N1098" s="262"/>
      <c r="O1098" s="262"/>
      <c r="P1098" s="262"/>
      <c r="Q1098" s="262"/>
      <c r="R1098" s="262"/>
      <c r="S1098" s="262"/>
      <c r="T1098" s="262"/>
      <c r="U1098" s="262"/>
      <c r="V1098" s="262"/>
      <c r="W1098" s="262"/>
      <c r="X1098" s="262"/>
      <c r="Y1098" s="262"/>
      <c r="Z1098" s="262"/>
      <c r="AA1098" s="262"/>
      <c r="AB1098" s="262"/>
      <c r="AC1098" s="262"/>
      <c r="AD1098" s="262"/>
      <c r="AE1098" s="262"/>
      <c r="AF1098" s="262"/>
      <c r="AG1098" s="262"/>
      <c r="AH1098" s="262"/>
      <c r="AI1098" s="262"/>
      <c r="AJ1098" s="262"/>
      <c r="AK1098" s="275"/>
      <c r="AL1098" s="276"/>
    </row>
    <row r="1099" spans="1:38" s="76" customFormat="1" ht="13.5" customHeight="1" thickBot="1">
      <c r="C1099" s="307"/>
      <c r="D1099" s="263"/>
      <c r="E1099" s="263"/>
      <c r="F1099" s="263"/>
      <c r="G1099" s="263"/>
      <c r="H1099" s="263"/>
      <c r="I1099" s="263"/>
      <c r="J1099" s="263"/>
      <c r="K1099" s="263"/>
      <c r="L1099" s="263"/>
      <c r="M1099" s="263"/>
      <c r="N1099" s="263"/>
      <c r="O1099" s="263"/>
      <c r="P1099" s="263"/>
      <c r="Q1099" s="263"/>
      <c r="R1099" s="263"/>
      <c r="S1099" s="263"/>
      <c r="T1099" s="263"/>
      <c r="U1099" s="263"/>
      <c r="V1099" s="263"/>
      <c r="W1099" s="263"/>
      <c r="X1099" s="263"/>
      <c r="Y1099" s="263"/>
      <c r="Z1099" s="263"/>
      <c r="AA1099" s="263"/>
      <c r="AB1099" s="263"/>
      <c r="AC1099" s="263"/>
      <c r="AD1099" s="263"/>
      <c r="AE1099" s="263"/>
      <c r="AF1099" s="263"/>
      <c r="AG1099" s="263"/>
      <c r="AH1099" s="263"/>
      <c r="AI1099" s="263"/>
      <c r="AJ1099" s="263"/>
      <c r="AK1099" s="277"/>
      <c r="AL1099" s="278"/>
    </row>
    <row r="1100" spans="1:38" s="76" customFormat="1" ht="13.5" customHeight="1" thickTop="1" thickBot="1">
      <c r="C1100" s="308"/>
      <c r="D1100" s="284"/>
      <c r="E1100" s="284"/>
      <c r="F1100" s="284"/>
      <c r="G1100" s="284"/>
      <c r="H1100" s="284"/>
      <c r="I1100" s="284"/>
      <c r="J1100" s="284"/>
      <c r="K1100" s="284"/>
      <c r="L1100" s="284"/>
      <c r="M1100" s="284"/>
      <c r="N1100" s="284"/>
      <c r="O1100" s="284"/>
      <c r="P1100" s="284"/>
      <c r="Q1100" s="284"/>
      <c r="R1100" s="284"/>
      <c r="S1100" s="284"/>
      <c r="T1100" s="284"/>
      <c r="U1100" s="284"/>
      <c r="V1100" s="284"/>
      <c r="W1100" s="284"/>
      <c r="X1100" s="284"/>
      <c r="Y1100" s="284"/>
      <c r="Z1100" s="284"/>
      <c r="AA1100" s="284"/>
      <c r="AB1100" s="284"/>
      <c r="AC1100" s="284"/>
      <c r="AD1100" s="284"/>
      <c r="AE1100" s="284"/>
      <c r="AF1100" s="284"/>
      <c r="AG1100" s="284"/>
      <c r="AH1100" s="284"/>
      <c r="AI1100" s="284"/>
      <c r="AJ1100" s="284"/>
      <c r="AK1100" s="153"/>
    </row>
    <row r="1101" spans="1:38" s="76" customFormat="1" thickTop="1">
      <c r="B1101" s="148"/>
      <c r="C1101" s="306" t="s">
        <v>691</v>
      </c>
      <c r="D1101" s="262"/>
      <c r="E1101" s="262"/>
      <c r="F1101" s="262"/>
      <c r="G1101" s="262"/>
      <c r="H1101" s="262"/>
      <c r="I1101" s="262"/>
      <c r="J1101" s="262"/>
      <c r="K1101" s="262"/>
      <c r="L1101" s="262"/>
      <c r="M1101" s="262"/>
      <c r="N1101" s="262"/>
      <c r="O1101" s="262"/>
      <c r="P1101" s="262"/>
      <c r="Q1101" s="262"/>
      <c r="R1101" s="262"/>
      <c r="S1101" s="262"/>
      <c r="T1101" s="262"/>
      <c r="U1101" s="262"/>
      <c r="V1101" s="262"/>
      <c r="W1101" s="262"/>
      <c r="X1101" s="262"/>
      <c r="Y1101" s="262"/>
      <c r="Z1101" s="262"/>
      <c r="AA1101" s="262"/>
      <c r="AB1101" s="262"/>
      <c r="AC1101" s="262"/>
      <c r="AD1101" s="262"/>
      <c r="AE1101" s="262"/>
      <c r="AF1101" s="262"/>
      <c r="AG1101" s="262"/>
      <c r="AH1101" s="262"/>
      <c r="AI1101" s="262"/>
      <c r="AJ1101" s="311"/>
      <c r="AK1101" s="275"/>
      <c r="AL1101" s="276"/>
    </row>
    <row r="1102" spans="1:38" s="76" customFormat="1" thickBot="1">
      <c r="B1102" s="148"/>
      <c r="C1102" s="308"/>
      <c r="D1102" s="284"/>
      <c r="E1102" s="284"/>
      <c r="F1102" s="284"/>
      <c r="G1102" s="284"/>
      <c r="H1102" s="284"/>
      <c r="I1102" s="284"/>
      <c r="J1102" s="284"/>
      <c r="K1102" s="284"/>
      <c r="L1102" s="284"/>
      <c r="M1102" s="284"/>
      <c r="N1102" s="284"/>
      <c r="O1102" s="284"/>
      <c r="P1102" s="284"/>
      <c r="Q1102" s="284"/>
      <c r="R1102" s="284"/>
      <c r="S1102" s="284"/>
      <c r="T1102" s="284"/>
      <c r="U1102" s="284"/>
      <c r="V1102" s="284"/>
      <c r="W1102" s="284"/>
      <c r="X1102" s="284"/>
      <c r="Y1102" s="284"/>
      <c r="Z1102" s="284"/>
      <c r="AA1102" s="284"/>
      <c r="AB1102" s="284"/>
      <c r="AC1102" s="284"/>
      <c r="AD1102" s="284"/>
      <c r="AE1102" s="284"/>
      <c r="AF1102" s="284"/>
      <c r="AG1102" s="284"/>
      <c r="AH1102" s="284"/>
      <c r="AI1102" s="284"/>
      <c r="AJ1102" s="321"/>
      <c r="AK1102" s="277"/>
      <c r="AL1102" s="278"/>
    </row>
    <row r="1103" spans="1:38" s="76" customFormat="1" thickTop="1">
      <c r="B1103" s="96"/>
      <c r="C1103" s="264" t="s">
        <v>59</v>
      </c>
      <c r="D1103" s="261" t="s">
        <v>381</v>
      </c>
      <c r="E1103" s="262"/>
      <c r="F1103" s="262"/>
      <c r="G1103" s="262"/>
      <c r="H1103" s="262"/>
      <c r="I1103" s="262"/>
      <c r="J1103" s="262"/>
      <c r="K1103" s="262"/>
      <c r="L1103" s="262"/>
      <c r="M1103" s="262"/>
      <c r="N1103" s="262"/>
      <c r="O1103" s="262"/>
      <c r="P1103" s="262"/>
      <c r="Q1103" s="262"/>
      <c r="R1103" s="262"/>
      <c r="S1103" s="262"/>
      <c r="T1103" s="262"/>
      <c r="U1103" s="262"/>
      <c r="V1103" s="262"/>
      <c r="W1103" s="262"/>
      <c r="X1103" s="262"/>
      <c r="Y1103" s="262"/>
      <c r="Z1103" s="262"/>
      <c r="AA1103" s="262"/>
      <c r="AB1103" s="262"/>
      <c r="AC1103" s="262"/>
      <c r="AD1103" s="262"/>
      <c r="AE1103" s="262"/>
      <c r="AF1103" s="262"/>
      <c r="AG1103" s="262"/>
      <c r="AH1103" s="262"/>
      <c r="AI1103" s="262"/>
      <c r="AJ1103" s="262"/>
      <c r="AK1103" s="126"/>
      <c r="AL1103" s="126"/>
    </row>
    <row r="1104" spans="1:38" s="76" customFormat="1" ht="13.5" customHeight="1">
      <c r="C1104" s="265"/>
      <c r="D1104" s="263"/>
      <c r="E1104" s="263"/>
      <c r="F1104" s="263"/>
      <c r="G1104" s="263"/>
      <c r="H1104" s="263"/>
      <c r="I1104" s="263"/>
      <c r="J1104" s="263"/>
      <c r="K1104" s="263"/>
      <c r="L1104" s="263"/>
      <c r="M1104" s="263"/>
      <c r="N1104" s="263"/>
      <c r="O1104" s="263"/>
      <c r="P1104" s="263"/>
      <c r="Q1104" s="263"/>
      <c r="R1104" s="263"/>
      <c r="S1104" s="263"/>
      <c r="T1104" s="263"/>
      <c r="U1104" s="263"/>
      <c r="V1104" s="263"/>
      <c r="W1104" s="263"/>
      <c r="X1104" s="263"/>
      <c r="Y1104" s="263"/>
      <c r="Z1104" s="263"/>
      <c r="AA1104" s="263"/>
      <c r="AB1104" s="263"/>
      <c r="AC1104" s="263"/>
      <c r="AD1104" s="263"/>
      <c r="AE1104" s="263"/>
      <c r="AF1104" s="263"/>
      <c r="AG1104" s="263"/>
      <c r="AH1104" s="263"/>
      <c r="AI1104" s="263"/>
      <c r="AJ1104" s="263"/>
    </row>
    <row r="1105" spans="1:38" s="76" customFormat="1" thickBot="1"/>
    <row r="1106" spans="1:38" s="76" customFormat="1" ht="13.5" customHeight="1" thickTop="1">
      <c r="A1106" s="266">
        <v>115</v>
      </c>
      <c r="B1106" s="302"/>
      <c r="C1106" s="270" t="s">
        <v>588</v>
      </c>
      <c r="D1106" s="271"/>
      <c r="E1106" s="271"/>
      <c r="F1106" s="271"/>
      <c r="G1106" s="271"/>
      <c r="H1106" s="271"/>
      <c r="I1106" s="271"/>
      <c r="J1106" s="271"/>
      <c r="K1106" s="271"/>
      <c r="L1106" s="271"/>
      <c r="M1106" s="271"/>
      <c r="N1106" s="271"/>
      <c r="O1106" s="271"/>
      <c r="P1106" s="271"/>
      <c r="Q1106" s="271"/>
      <c r="R1106" s="271"/>
      <c r="S1106" s="271"/>
      <c r="T1106" s="271"/>
      <c r="U1106" s="271"/>
      <c r="V1106" s="271"/>
      <c r="W1106" s="271"/>
      <c r="X1106" s="271"/>
      <c r="Y1106" s="271"/>
      <c r="Z1106" s="271"/>
      <c r="AA1106" s="271"/>
      <c r="AB1106" s="271"/>
      <c r="AC1106" s="271"/>
      <c r="AD1106" s="271"/>
      <c r="AE1106" s="271"/>
      <c r="AF1106" s="271"/>
      <c r="AG1106" s="271"/>
      <c r="AH1106" s="271"/>
      <c r="AI1106" s="271"/>
      <c r="AJ1106" s="279"/>
      <c r="AK1106" s="275"/>
      <c r="AL1106" s="276"/>
    </row>
    <row r="1107" spans="1:38" s="76" customFormat="1" ht="13.5" customHeight="1" thickBot="1">
      <c r="A1107" s="268"/>
      <c r="B1107" s="303"/>
      <c r="C1107" s="272"/>
      <c r="D1107" s="263"/>
      <c r="E1107" s="263"/>
      <c r="F1107" s="263"/>
      <c r="G1107" s="263"/>
      <c r="H1107" s="263"/>
      <c r="I1107" s="263"/>
      <c r="J1107" s="263"/>
      <c r="K1107" s="263"/>
      <c r="L1107" s="263"/>
      <c r="M1107" s="263"/>
      <c r="N1107" s="263"/>
      <c r="O1107" s="263"/>
      <c r="P1107" s="263"/>
      <c r="Q1107" s="263"/>
      <c r="R1107" s="263"/>
      <c r="S1107" s="263"/>
      <c r="T1107" s="263"/>
      <c r="U1107" s="263"/>
      <c r="V1107" s="263"/>
      <c r="W1107" s="263"/>
      <c r="X1107" s="263"/>
      <c r="Y1107" s="263"/>
      <c r="Z1107" s="263"/>
      <c r="AA1107" s="263"/>
      <c r="AB1107" s="263"/>
      <c r="AC1107" s="263"/>
      <c r="AD1107" s="263"/>
      <c r="AE1107" s="263"/>
      <c r="AF1107" s="263"/>
      <c r="AG1107" s="263"/>
      <c r="AH1107" s="263"/>
      <c r="AI1107" s="263"/>
      <c r="AJ1107" s="312"/>
      <c r="AK1107" s="277"/>
      <c r="AL1107" s="278"/>
    </row>
    <row r="1108" spans="1:38" s="76" customFormat="1" ht="13.5" customHeight="1" thickTop="1">
      <c r="A1108" s="194"/>
      <c r="B1108" s="194"/>
      <c r="C1108" s="273"/>
      <c r="D1108" s="274"/>
      <c r="E1108" s="274"/>
      <c r="F1108" s="274"/>
      <c r="G1108" s="274"/>
      <c r="H1108" s="274"/>
      <c r="I1108" s="274"/>
      <c r="J1108" s="274"/>
      <c r="K1108" s="274"/>
      <c r="L1108" s="274"/>
      <c r="M1108" s="274"/>
      <c r="N1108" s="274"/>
      <c r="O1108" s="274"/>
      <c r="P1108" s="274"/>
      <c r="Q1108" s="274"/>
      <c r="R1108" s="274"/>
      <c r="S1108" s="274"/>
      <c r="T1108" s="274"/>
      <c r="U1108" s="274"/>
      <c r="V1108" s="274"/>
      <c r="W1108" s="274"/>
      <c r="X1108" s="274"/>
      <c r="Y1108" s="274"/>
      <c r="Z1108" s="274"/>
      <c r="AA1108" s="274"/>
      <c r="AB1108" s="274"/>
      <c r="AC1108" s="274"/>
      <c r="AD1108" s="274"/>
      <c r="AE1108" s="274"/>
      <c r="AF1108" s="274"/>
      <c r="AG1108" s="274"/>
      <c r="AH1108" s="274"/>
      <c r="AI1108" s="274"/>
      <c r="AJ1108" s="274"/>
      <c r="AK1108" s="130"/>
      <c r="AL1108" s="75"/>
    </row>
    <row r="1109" spans="1:38" s="76" customFormat="1" ht="13.5" customHeight="1" thickBot="1"/>
    <row r="1110" spans="1:38" s="76" customFormat="1" ht="14.25" customHeight="1" thickTop="1">
      <c r="B1110" s="148"/>
      <c r="C1110" s="306" t="s">
        <v>692</v>
      </c>
      <c r="D1110" s="262"/>
      <c r="E1110" s="262"/>
      <c r="F1110" s="262"/>
      <c r="G1110" s="262"/>
      <c r="H1110" s="262"/>
      <c r="I1110" s="262"/>
      <c r="J1110" s="262"/>
      <c r="K1110" s="262"/>
      <c r="L1110" s="262"/>
      <c r="M1110" s="262"/>
      <c r="N1110" s="262"/>
      <c r="O1110" s="262"/>
      <c r="P1110" s="262"/>
      <c r="Q1110" s="262"/>
      <c r="R1110" s="262"/>
      <c r="S1110" s="262"/>
      <c r="T1110" s="262"/>
      <c r="U1110" s="262"/>
      <c r="V1110" s="262"/>
      <c r="W1110" s="262"/>
      <c r="X1110" s="262"/>
      <c r="Y1110" s="262"/>
      <c r="Z1110" s="262"/>
      <c r="AA1110" s="262"/>
      <c r="AB1110" s="262"/>
      <c r="AC1110" s="262"/>
      <c r="AD1110" s="262"/>
      <c r="AE1110" s="262"/>
      <c r="AF1110" s="262"/>
      <c r="AG1110" s="262"/>
      <c r="AH1110" s="262"/>
      <c r="AI1110" s="262"/>
      <c r="AJ1110" s="311"/>
      <c r="AK1110" s="275"/>
      <c r="AL1110" s="276"/>
    </row>
    <row r="1111" spans="1:38" s="76" customFormat="1" thickBot="1">
      <c r="B1111" s="148"/>
      <c r="C1111" s="308"/>
      <c r="D1111" s="284"/>
      <c r="E1111" s="284"/>
      <c r="F1111" s="284"/>
      <c r="G1111" s="284"/>
      <c r="H1111" s="284"/>
      <c r="I1111" s="284"/>
      <c r="J1111" s="284"/>
      <c r="K1111" s="284"/>
      <c r="L1111" s="284"/>
      <c r="M1111" s="284"/>
      <c r="N1111" s="284"/>
      <c r="O1111" s="284"/>
      <c r="P1111" s="284"/>
      <c r="Q1111" s="284"/>
      <c r="R1111" s="284"/>
      <c r="S1111" s="284"/>
      <c r="T1111" s="284"/>
      <c r="U1111" s="284"/>
      <c r="V1111" s="284"/>
      <c r="W1111" s="284"/>
      <c r="X1111" s="284"/>
      <c r="Y1111" s="284"/>
      <c r="Z1111" s="284"/>
      <c r="AA1111" s="284"/>
      <c r="AB1111" s="284"/>
      <c r="AC1111" s="284"/>
      <c r="AD1111" s="284"/>
      <c r="AE1111" s="284"/>
      <c r="AF1111" s="284"/>
      <c r="AG1111" s="284"/>
      <c r="AH1111" s="284"/>
      <c r="AI1111" s="284"/>
      <c r="AJ1111" s="321"/>
      <c r="AK1111" s="277"/>
      <c r="AL1111" s="278"/>
    </row>
    <row r="1112" spans="1:38" s="76" customFormat="1" thickTop="1">
      <c r="B1112" s="148"/>
      <c r="C1112" s="306" t="s">
        <v>693</v>
      </c>
      <c r="D1112" s="262"/>
      <c r="E1112" s="262"/>
      <c r="F1112" s="262"/>
      <c r="G1112" s="262"/>
      <c r="H1112" s="262"/>
      <c r="I1112" s="262"/>
      <c r="J1112" s="262"/>
      <c r="K1112" s="262"/>
      <c r="L1112" s="262"/>
      <c r="M1112" s="262"/>
      <c r="N1112" s="262"/>
      <c r="O1112" s="262"/>
      <c r="P1112" s="262"/>
      <c r="Q1112" s="262"/>
      <c r="R1112" s="262"/>
      <c r="S1112" s="262"/>
      <c r="T1112" s="262"/>
      <c r="U1112" s="262"/>
      <c r="V1112" s="262"/>
      <c r="W1112" s="262"/>
      <c r="X1112" s="262"/>
      <c r="Y1112" s="262"/>
      <c r="Z1112" s="262"/>
      <c r="AA1112" s="262"/>
      <c r="AB1112" s="262"/>
      <c r="AC1112" s="262"/>
      <c r="AD1112" s="262"/>
      <c r="AE1112" s="262"/>
      <c r="AF1112" s="262"/>
      <c r="AG1112" s="262"/>
      <c r="AH1112" s="262"/>
      <c r="AI1112" s="262"/>
      <c r="AJ1112" s="311"/>
      <c r="AK1112" s="275"/>
      <c r="AL1112" s="276"/>
    </row>
    <row r="1113" spans="1:38" s="76" customFormat="1" ht="14.25" customHeight="1" thickBot="1">
      <c r="B1113" s="148"/>
      <c r="C1113" s="308"/>
      <c r="D1113" s="284"/>
      <c r="E1113" s="284"/>
      <c r="F1113" s="284"/>
      <c r="G1113" s="284"/>
      <c r="H1113" s="284"/>
      <c r="I1113" s="284"/>
      <c r="J1113" s="284"/>
      <c r="K1113" s="284"/>
      <c r="L1113" s="284"/>
      <c r="M1113" s="284"/>
      <c r="N1113" s="284"/>
      <c r="O1113" s="284"/>
      <c r="P1113" s="284"/>
      <c r="Q1113" s="284"/>
      <c r="R1113" s="284"/>
      <c r="S1113" s="284"/>
      <c r="T1113" s="284"/>
      <c r="U1113" s="284"/>
      <c r="V1113" s="284"/>
      <c r="W1113" s="284"/>
      <c r="X1113" s="284"/>
      <c r="Y1113" s="284"/>
      <c r="Z1113" s="284"/>
      <c r="AA1113" s="284"/>
      <c r="AB1113" s="284"/>
      <c r="AC1113" s="284"/>
      <c r="AD1113" s="284"/>
      <c r="AE1113" s="284"/>
      <c r="AF1113" s="284"/>
      <c r="AG1113" s="284"/>
      <c r="AH1113" s="284"/>
      <c r="AI1113" s="284"/>
      <c r="AJ1113" s="321"/>
      <c r="AK1113" s="277"/>
      <c r="AL1113" s="278"/>
    </row>
    <row r="1114" spans="1:38" s="76" customFormat="1" thickTop="1">
      <c r="B1114" s="148"/>
      <c r="C1114" s="292" t="s">
        <v>694</v>
      </c>
      <c r="D1114" s="293"/>
      <c r="E1114" s="293"/>
      <c r="F1114" s="293"/>
      <c r="G1114" s="293"/>
      <c r="H1114" s="293"/>
      <c r="I1114" s="293"/>
      <c r="J1114" s="293"/>
      <c r="K1114" s="293"/>
      <c r="L1114" s="293"/>
      <c r="M1114" s="293"/>
      <c r="N1114" s="293"/>
      <c r="O1114" s="293"/>
      <c r="P1114" s="293"/>
      <c r="Q1114" s="293"/>
      <c r="R1114" s="293"/>
      <c r="S1114" s="293"/>
      <c r="T1114" s="293"/>
      <c r="U1114" s="293"/>
      <c r="V1114" s="293"/>
      <c r="W1114" s="293"/>
      <c r="X1114" s="293"/>
      <c r="Y1114" s="293"/>
      <c r="Z1114" s="293"/>
      <c r="AA1114" s="293"/>
      <c r="AB1114" s="293"/>
      <c r="AC1114" s="293"/>
      <c r="AD1114" s="293"/>
      <c r="AE1114" s="293"/>
      <c r="AF1114" s="293"/>
      <c r="AG1114" s="293"/>
      <c r="AH1114" s="293"/>
      <c r="AI1114" s="293"/>
      <c r="AJ1114" s="294"/>
      <c r="AK1114" s="275"/>
      <c r="AL1114" s="276"/>
    </row>
    <row r="1115" spans="1:38" s="76" customFormat="1" thickBot="1">
      <c r="B1115" s="148"/>
      <c r="C1115" s="295"/>
      <c r="D1115" s="296"/>
      <c r="E1115" s="296"/>
      <c r="F1115" s="296"/>
      <c r="G1115" s="296"/>
      <c r="H1115" s="296"/>
      <c r="I1115" s="296"/>
      <c r="J1115" s="296"/>
      <c r="K1115" s="296"/>
      <c r="L1115" s="296"/>
      <c r="M1115" s="296"/>
      <c r="N1115" s="296"/>
      <c r="O1115" s="296"/>
      <c r="P1115" s="296"/>
      <c r="Q1115" s="296"/>
      <c r="R1115" s="296"/>
      <c r="S1115" s="296"/>
      <c r="T1115" s="296"/>
      <c r="U1115" s="296"/>
      <c r="V1115" s="296"/>
      <c r="W1115" s="296"/>
      <c r="X1115" s="296"/>
      <c r="Y1115" s="296"/>
      <c r="Z1115" s="296"/>
      <c r="AA1115" s="296"/>
      <c r="AB1115" s="296"/>
      <c r="AC1115" s="296"/>
      <c r="AD1115" s="296"/>
      <c r="AE1115" s="296"/>
      <c r="AF1115" s="296"/>
      <c r="AG1115" s="296"/>
      <c r="AH1115" s="296"/>
      <c r="AI1115" s="296"/>
      <c r="AJ1115" s="297"/>
      <c r="AK1115" s="277"/>
      <c r="AL1115" s="278"/>
    </row>
    <row r="1116" spans="1:38" s="76" customFormat="1" thickTop="1">
      <c r="C1116" s="75" t="s">
        <v>59</v>
      </c>
      <c r="D1116" s="371" t="s">
        <v>348</v>
      </c>
      <c r="E1116" s="371"/>
      <c r="F1116" s="371"/>
      <c r="G1116" s="371"/>
      <c r="H1116" s="371"/>
      <c r="I1116" s="371"/>
      <c r="J1116" s="371"/>
      <c r="K1116" s="371"/>
      <c r="L1116" s="371"/>
      <c r="M1116" s="371"/>
      <c r="N1116" s="371"/>
      <c r="O1116" s="371"/>
      <c r="P1116" s="371"/>
      <c r="Q1116" s="371"/>
      <c r="R1116" s="371"/>
      <c r="S1116" s="371"/>
      <c r="T1116" s="371"/>
      <c r="U1116" s="371"/>
      <c r="V1116" s="371"/>
      <c r="W1116" s="371"/>
      <c r="X1116" s="371"/>
      <c r="Y1116" s="371"/>
      <c r="Z1116" s="371"/>
      <c r="AA1116" s="371"/>
      <c r="AB1116" s="371"/>
      <c r="AC1116" s="371"/>
      <c r="AD1116" s="371"/>
      <c r="AE1116" s="371"/>
      <c r="AF1116" s="371"/>
      <c r="AG1116" s="371"/>
      <c r="AH1116" s="371"/>
      <c r="AI1116" s="371"/>
      <c r="AJ1116" s="371"/>
      <c r="AK1116" s="75"/>
      <c r="AL1116" s="75"/>
    </row>
    <row r="1117" spans="1:38" s="76" customFormat="1" ht="13.5" customHeight="1">
      <c r="D1117" s="372"/>
      <c r="E1117" s="372"/>
      <c r="F1117" s="372"/>
      <c r="G1117" s="372"/>
      <c r="H1117" s="372"/>
      <c r="I1117" s="372"/>
      <c r="J1117" s="372"/>
      <c r="K1117" s="372"/>
      <c r="L1117" s="372"/>
      <c r="M1117" s="372"/>
      <c r="N1117" s="372"/>
      <c r="O1117" s="372"/>
      <c r="P1117" s="372"/>
      <c r="Q1117" s="372"/>
      <c r="R1117" s="372"/>
      <c r="S1117" s="372"/>
      <c r="T1117" s="372"/>
      <c r="U1117" s="372"/>
      <c r="V1117" s="372"/>
      <c r="W1117" s="372"/>
      <c r="X1117" s="372"/>
      <c r="Y1117" s="372"/>
      <c r="Z1117" s="372"/>
      <c r="AA1117" s="372"/>
      <c r="AB1117" s="372"/>
      <c r="AC1117" s="372"/>
      <c r="AD1117" s="372"/>
      <c r="AE1117" s="372"/>
      <c r="AF1117" s="372"/>
      <c r="AG1117" s="372"/>
      <c r="AH1117" s="372"/>
      <c r="AI1117" s="372"/>
      <c r="AJ1117" s="372"/>
    </row>
    <row r="1118" spans="1:38" s="76" customFormat="1" ht="13.5" customHeight="1">
      <c r="D1118" s="77"/>
      <c r="E1118" s="77"/>
      <c r="F1118" s="77"/>
      <c r="G1118" s="77"/>
      <c r="H1118" s="77"/>
      <c r="I1118" s="77"/>
      <c r="J1118" s="77"/>
      <c r="K1118" s="77"/>
      <c r="L1118" s="77"/>
      <c r="M1118" s="77"/>
      <c r="N1118" s="77"/>
      <c r="O1118" s="77"/>
      <c r="P1118" s="77"/>
      <c r="Q1118" s="77"/>
      <c r="R1118" s="77"/>
      <c r="S1118" s="77"/>
      <c r="T1118" s="77"/>
      <c r="U1118" s="77"/>
      <c r="V1118" s="77"/>
      <c r="W1118" s="77"/>
      <c r="X1118" s="77"/>
      <c r="Y1118" s="77"/>
      <c r="Z1118" s="77"/>
      <c r="AA1118" s="77"/>
      <c r="AB1118" s="77"/>
      <c r="AC1118" s="77"/>
      <c r="AD1118" s="77"/>
      <c r="AE1118" s="77"/>
      <c r="AF1118" s="77"/>
      <c r="AG1118" s="77"/>
      <c r="AH1118" s="77"/>
      <c r="AI1118" s="77"/>
      <c r="AJ1118" s="77"/>
    </row>
    <row r="1119" spans="1:38" s="76" customFormat="1" thickBot="1">
      <c r="A1119" s="194"/>
      <c r="B1119" s="194"/>
      <c r="C1119" s="75" t="s">
        <v>382</v>
      </c>
      <c r="D1119" s="75"/>
      <c r="E1119" s="75"/>
      <c r="F1119" s="75"/>
      <c r="G1119" s="75"/>
      <c r="H1119" s="75"/>
      <c r="I1119" s="75"/>
      <c r="J1119" s="75"/>
      <c r="K1119" s="75"/>
      <c r="L1119" s="75"/>
      <c r="M1119" s="75"/>
      <c r="N1119" s="75"/>
      <c r="O1119" s="75"/>
      <c r="P1119" s="75"/>
      <c r="Q1119" s="75"/>
      <c r="R1119" s="75"/>
      <c r="S1119" s="75"/>
      <c r="T1119" s="75"/>
      <c r="U1119" s="75"/>
      <c r="V1119" s="75"/>
      <c r="W1119" s="75"/>
      <c r="X1119" s="75"/>
      <c r="Y1119" s="75"/>
      <c r="Z1119" s="75"/>
      <c r="AA1119" s="75"/>
      <c r="AB1119" s="75"/>
      <c r="AC1119" s="75"/>
      <c r="AD1119" s="75"/>
      <c r="AE1119" s="75"/>
      <c r="AF1119" s="75"/>
      <c r="AG1119" s="75"/>
      <c r="AH1119" s="75"/>
      <c r="AI1119" s="75"/>
      <c r="AJ1119" s="75"/>
      <c r="AK1119" s="75"/>
      <c r="AL1119" s="75"/>
    </row>
    <row r="1120" spans="1:38" s="76" customFormat="1" thickTop="1">
      <c r="B1120" s="148"/>
      <c r="C1120" s="306" t="s">
        <v>204</v>
      </c>
      <c r="D1120" s="262"/>
      <c r="E1120" s="262"/>
      <c r="F1120" s="262"/>
      <c r="G1120" s="262"/>
      <c r="H1120" s="262"/>
      <c r="I1120" s="262"/>
      <c r="J1120" s="262"/>
      <c r="K1120" s="262"/>
      <c r="L1120" s="262"/>
      <c r="M1120" s="262"/>
      <c r="N1120" s="262"/>
      <c r="O1120" s="262"/>
      <c r="P1120" s="262"/>
      <c r="Q1120" s="262"/>
      <c r="R1120" s="262"/>
      <c r="S1120" s="262"/>
      <c r="T1120" s="262"/>
      <c r="U1120" s="262"/>
      <c r="V1120" s="262"/>
      <c r="W1120" s="262"/>
      <c r="X1120" s="262"/>
      <c r="Y1120" s="262"/>
      <c r="Z1120" s="262"/>
      <c r="AA1120" s="262"/>
      <c r="AB1120" s="262"/>
      <c r="AC1120" s="262"/>
      <c r="AD1120" s="262"/>
      <c r="AE1120" s="262"/>
      <c r="AF1120" s="262"/>
      <c r="AG1120" s="262"/>
      <c r="AH1120" s="262"/>
      <c r="AI1120" s="262"/>
      <c r="AJ1120" s="311"/>
      <c r="AK1120" s="466"/>
      <c r="AL1120" s="467"/>
    </row>
    <row r="1121" spans="1:38" s="76" customFormat="1" thickBot="1">
      <c r="B1121" s="148"/>
      <c r="C1121" s="307"/>
      <c r="D1121" s="263"/>
      <c r="E1121" s="263"/>
      <c r="F1121" s="263"/>
      <c r="G1121" s="263"/>
      <c r="H1121" s="263"/>
      <c r="I1121" s="263"/>
      <c r="J1121" s="263"/>
      <c r="K1121" s="263"/>
      <c r="L1121" s="263"/>
      <c r="M1121" s="263"/>
      <c r="N1121" s="263"/>
      <c r="O1121" s="263"/>
      <c r="P1121" s="263"/>
      <c r="Q1121" s="263"/>
      <c r="R1121" s="263"/>
      <c r="S1121" s="263"/>
      <c r="T1121" s="263"/>
      <c r="U1121" s="263"/>
      <c r="V1121" s="263"/>
      <c r="W1121" s="263"/>
      <c r="X1121" s="263"/>
      <c r="Y1121" s="263"/>
      <c r="Z1121" s="263"/>
      <c r="AA1121" s="263"/>
      <c r="AB1121" s="263"/>
      <c r="AC1121" s="263"/>
      <c r="AD1121" s="263"/>
      <c r="AE1121" s="263"/>
      <c r="AF1121" s="263"/>
      <c r="AG1121" s="263"/>
      <c r="AH1121" s="263"/>
      <c r="AI1121" s="263"/>
      <c r="AJ1121" s="312"/>
      <c r="AK1121" s="470"/>
      <c r="AL1121" s="471"/>
    </row>
    <row r="1122" spans="1:38" s="76" customFormat="1" ht="14" thickTop="1" thickBot="1">
      <c r="B1122" s="148"/>
      <c r="C1122" s="308"/>
      <c r="D1122" s="284"/>
      <c r="E1122" s="284"/>
      <c r="F1122" s="284"/>
      <c r="G1122" s="284"/>
      <c r="H1122" s="284"/>
      <c r="I1122" s="284"/>
      <c r="J1122" s="284"/>
      <c r="K1122" s="284"/>
      <c r="L1122" s="284"/>
      <c r="M1122" s="284"/>
      <c r="N1122" s="284"/>
      <c r="O1122" s="284"/>
      <c r="P1122" s="284"/>
      <c r="Q1122" s="284"/>
      <c r="R1122" s="284"/>
      <c r="S1122" s="284"/>
      <c r="T1122" s="284"/>
      <c r="U1122" s="284"/>
      <c r="V1122" s="284"/>
      <c r="W1122" s="284"/>
      <c r="X1122" s="284"/>
      <c r="Y1122" s="284"/>
      <c r="Z1122" s="284"/>
      <c r="AA1122" s="284"/>
      <c r="AB1122" s="284"/>
      <c r="AC1122" s="284"/>
      <c r="AD1122" s="284"/>
      <c r="AE1122" s="284"/>
      <c r="AF1122" s="284"/>
      <c r="AG1122" s="284"/>
      <c r="AH1122" s="284"/>
      <c r="AI1122" s="284"/>
      <c r="AJ1122" s="284"/>
      <c r="AK1122" s="140"/>
      <c r="AL1122" s="171"/>
    </row>
    <row r="1123" spans="1:38" s="76" customFormat="1" thickTop="1">
      <c r="B1123" s="148"/>
      <c r="C1123" s="306" t="s">
        <v>205</v>
      </c>
      <c r="D1123" s="262"/>
      <c r="E1123" s="262"/>
      <c r="F1123" s="262"/>
      <c r="G1123" s="262"/>
      <c r="H1123" s="262"/>
      <c r="I1123" s="262"/>
      <c r="J1123" s="262"/>
      <c r="K1123" s="262"/>
      <c r="L1123" s="262"/>
      <c r="M1123" s="262"/>
      <c r="N1123" s="262"/>
      <c r="O1123" s="262"/>
      <c r="P1123" s="262"/>
      <c r="Q1123" s="262"/>
      <c r="R1123" s="262"/>
      <c r="S1123" s="262"/>
      <c r="T1123" s="262"/>
      <c r="U1123" s="262"/>
      <c r="V1123" s="262"/>
      <c r="W1123" s="262"/>
      <c r="X1123" s="262"/>
      <c r="Y1123" s="262"/>
      <c r="Z1123" s="262"/>
      <c r="AA1123" s="262"/>
      <c r="AB1123" s="262"/>
      <c r="AC1123" s="262"/>
      <c r="AD1123" s="262"/>
      <c r="AE1123" s="262"/>
      <c r="AF1123" s="262"/>
      <c r="AG1123" s="262"/>
      <c r="AH1123" s="262"/>
      <c r="AI1123" s="262"/>
      <c r="AJ1123" s="311"/>
      <c r="AK1123" s="466"/>
      <c r="AL1123" s="467"/>
    </row>
    <row r="1124" spans="1:38" s="76" customFormat="1" thickBot="1">
      <c r="B1124" s="148"/>
      <c r="C1124" s="307"/>
      <c r="D1124" s="263"/>
      <c r="E1124" s="263"/>
      <c r="F1124" s="263"/>
      <c r="G1124" s="263"/>
      <c r="H1124" s="263"/>
      <c r="I1124" s="263"/>
      <c r="J1124" s="263"/>
      <c r="K1124" s="263"/>
      <c r="L1124" s="263"/>
      <c r="M1124" s="263"/>
      <c r="N1124" s="263"/>
      <c r="O1124" s="263"/>
      <c r="P1124" s="263"/>
      <c r="Q1124" s="263"/>
      <c r="R1124" s="263"/>
      <c r="S1124" s="263"/>
      <c r="T1124" s="263"/>
      <c r="U1124" s="263"/>
      <c r="V1124" s="263"/>
      <c r="W1124" s="263"/>
      <c r="X1124" s="263"/>
      <c r="Y1124" s="263"/>
      <c r="Z1124" s="263"/>
      <c r="AA1124" s="263"/>
      <c r="AB1124" s="263"/>
      <c r="AC1124" s="263"/>
      <c r="AD1124" s="263"/>
      <c r="AE1124" s="263"/>
      <c r="AF1124" s="263"/>
      <c r="AG1124" s="263"/>
      <c r="AH1124" s="263"/>
      <c r="AI1124" s="263"/>
      <c r="AJ1124" s="312"/>
      <c r="AK1124" s="468"/>
      <c r="AL1124" s="469"/>
    </row>
    <row r="1125" spans="1:38" s="76" customFormat="1" ht="14" thickTop="1" thickBot="1">
      <c r="B1125" s="148"/>
      <c r="C1125" s="308"/>
      <c r="D1125" s="284"/>
      <c r="E1125" s="284"/>
      <c r="F1125" s="284"/>
      <c r="G1125" s="284"/>
      <c r="H1125" s="284"/>
      <c r="I1125" s="284"/>
      <c r="J1125" s="284"/>
      <c r="K1125" s="284"/>
      <c r="L1125" s="284"/>
      <c r="M1125" s="284"/>
      <c r="N1125" s="284"/>
      <c r="O1125" s="284"/>
      <c r="P1125" s="284"/>
      <c r="Q1125" s="284"/>
      <c r="R1125" s="284"/>
      <c r="S1125" s="284"/>
      <c r="T1125" s="284"/>
      <c r="U1125" s="284"/>
      <c r="V1125" s="284"/>
      <c r="W1125" s="284"/>
      <c r="X1125" s="284"/>
      <c r="Y1125" s="284"/>
      <c r="Z1125" s="284"/>
      <c r="AA1125" s="284"/>
      <c r="AB1125" s="284"/>
      <c r="AC1125" s="284"/>
      <c r="AD1125" s="284"/>
      <c r="AE1125" s="284"/>
      <c r="AF1125" s="284"/>
      <c r="AG1125" s="284"/>
      <c r="AH1125" s="284"/>
      <c r="AI1125" s="284"/>
      <c r="AJ1125" s="284"/>
      <c r="AK1125" s="169"/>
      <c r="AL1125" s="170"/>
    </row>
    <row r="1126" spans="1:38" s="76" customFormat="1" ht="14.25" customHeight="1" thickTop="1">
      <c r="B1126" s="148"/>
      <c r="C1126" s="292" t="s">
        <v>695</v>
      </c>
      <c r="D1126" s="293"/>
      <c r="E1126" s="293"/>
      <c r="F1126" s="293"/>
      <c r="G1126" s="293"/>
      <c r="H1126" s="293"/>
      <c r="I1126" s="293"/>
      <c r="J1126" s="293"/>
      <c r="K1126" s="293"/>
      <c r="L1126" s="293"/>
      <c r="M1126" s="293"/>
      <c r="N1126" s="293"/>
      <c r="O1126" s="293"/>
      <c r="P1126" s="293"/>
      <c r="Q1126" s="293"/>
      <c r="R1126" s="293"/>
      <c r="S1126" s="293"/>
      <c r="T1126" s="293"/>
      <c r="U1126" s="293"/>
      <c r="V1126" s="293"/>
      <c r="W1126" s="293"/>
      <c r="X1126" s="293"/>
      <c r="Y1126" s="293"/>
      <c r="Z1126" s="293"/>
      <c r="AA1126" s="293"/>
      <c r="AB1126" s="293"/>
      <c r="AC1126" s="293"/>
      <c r="AD1126" s="293"/>
      <c r="AE1126" s="293"/>
      <c r="AF1126" s="293"/>
      <c r="AG1126" s="293"/>
      <c r="AH1126" s="293"/>
      <c r="AI1126" s="293"/>
      <c r="AJ1126" s="555"/>
      <c r="AK1126" s="466"/>
      <c r="AL1126" s="467"/>
    </row>
    <row r="1127" spans="1:38" s="76" customFormat="1" thickBot="1">
      <c r="B1127" s="148"/>
      <c r="C1127" s="497"/>
      <c r="D1127" s="556"/>
      <c r="E1127" s="556"/>
      <c r="F1127" s="556"/>
      <c r="G1127" s="556"/>
      <c r="H1127" s="556"/>
      <c r="I1127" s="556"/>
      <c r="J1127" s="556"/>
      <c r="K1127" s="556"/>
      <c r="L1127" s="556"/>
      <c r="M1127" s="556"/>
      <c r="N1127" s="556"/>
      <c r="O1127" s="556"/>
      <c r="P1127" s="556"/>
      <c r="Q1127" s="556"/>
      <c r="R1127" s="556"/>
      <c r="S1127" s="556"/>
      <c r="T1127" s="556"/>
      <c r="U1127" s="556"/>
      <c r="V1127" s="556"/>
      <c r="W1127" s="556"/>
      <c r="X1127" s="556"/>
      <c r="Y1127" s="556"/>
      <c r="Z1127" s="556"/>
      <c r="AA1127" s="556"/>
      <c r="AB1127" s="556"/>
      <c r="AC1127" s="556"/>
      <c r="AD1127" s="556"/>
      <c r="AE1127" s="556"/>
      <c r="AF1127" s="556"/>
      <c r="AG1127" s="556"/>
      <c r="AH1127" s="556"/>
      <c r="AI1127" s="556"/>
      <c r="AJ1127" s="557"/>
      <c r="AK1127" s="468"/>
      <c r="AL1127" s="469"/>
    </row>
    <row r="1128" spans="1:38" s="76" customFormat="1" thickTop="1">
      <c r="B1128" s="148"/>
      <c r="C1128" s="497"/>
      <c r="D1128" s="556"/>
      <c r="E1128" s="556"/>
      <c r="F1128" s="556"/>
      <c r="G1128" s="556"/>
      <c r="H1128" s="556"/>
      <c r="I1128" s="556"/>
      <c r="J1128" s="556"/>
      <c r="K1128" s="556"/>
      <c r="L1128" s="556"/>
      <c r="M1128" s="556"/>
      <c r="N1128" s="556"/>
      <c r="O1128" s="556"/>
      <c r="P1128" s="556"/>
      <c r="Q1128" s="556"/>
      <c r="R1128" s="556"/>
      <c r="S1128" s="556"/>
      <c r="T1128" s="556"/>
      <c r="U1128" s="556"/>
      <c r="V1128" s="556"/>
      <c r="W1128" s="556"/>
      <c r="X1128" s="556"/>
      <c r="Y1128" s="556"/>
      <c r="Z1128" s="556"/>
      <c r="AA1128" s="556"/>
      <c r="AB1128" s="556"/>
      <c r="AC1128" s="556"/>
      <c r="AD1128" s="556"/>
      <c r="AE1128" s="556"/>
      <c r="AF1128" s="556"/>
      <c r="AG1128" s="556"/>
      <c r="AH1128" s="556"/>
      <c r="AI1128" s="556"/>
      <c r="AJ1128" s="557"/>
      <c r="AK1128" s="137"/>
      <c r="AL1128" s="162"/>
    </row>
    <row r="1129" spans="1:38" s="76" customFormat="1" thickBot="1">
      <c r="B1129" s="148"/>
      <c r="C1129" s="295"/>
      <c r="D1129" s="296"/>
      <c r="E1129" s="296"/>
      <c r="F1129" s="296"/>
      <c r="G1129" s="296"/>
      <c r="H1129" s="296"/>
      <c r="I1129" s="296"/>
      <c r="J1129" s="296"/>
      <c r="K1129" s="296"/>
      <c r="L1129" s="296"/>
      <c r="M1129" s="296"/>
      <c r="N1129" s="296"/>
      <c r="O1129" s="296"/>
      <c r="P1129" s="296"/>
      <c r="Q1129" s="296"/>
      <c r="R1129" s="296"/>
      <c r="S1129" s="296"/>
      <c r="T1129" s="296"/>
      <c r="U1129" s="296"/>
      <c r="V1129" s="296"/>
      <c r="W1129" s="296"/>
      <c r="X1129" s="296"/>
      <c r="Y1129" s="296"/>
      <c r="Z1129" s="296"/>
      <c r="AA1129" s="296"/>
      <c r="AB1129" s="296"/>
      <c r="AC1129" s="296"/>
      <c r="AD1129" s="296"/>
      <c r="AE1129" s="296"/>
      <c r="AF1129" s="296"/>
      <c r="AG1129" s="296"/>
      <c r="AH1129" s="296"/>
      <c r="AI1129" s="296"/>
      <c r="AJ1129" s="558"/>
      <c r="AK1129" s="138"/>
      <c r="AL1129" s="75"/>
    </row>
    <row r="1130" spans="1:38" s="76" customFormat="1" thickTop="1">
      <c r="B1130" s="148"/>
      <c r="C1130" s="306" t="s">
        <v>383</v>
      </c>
      <c r="D1130" s="262"/>
      <c r="E1130" s="262"/>
      <c r="F1130" s="262"/>
      <c r="G1130" s="262"/>
      <c r="H1130" s="262"/>
      <c r="I1130" s="262"/>
      <c r="J1130" s="262"/>
      <c r="K1130" s="262"/>
      <c r="L1130" s="262"/>
      <c r="M1130" s="262"/>
      <c r="N1130" s="262"/>
      <c r="O1130" s="262"/>
      <c r="P1130" s="262"/>
      <c r="Q1130" s="262"/>
      <c r="R1130" s="262"/>
      <c r="S1130" s="262"/>
      <c r="T1130" s="262"/>
      <c r="U1130" s="262"/>
      <c r="V1130" s="262"/>
      <c r="W1130" s="262"/>
      <c r="X1130" s="262"/>
      <c r="Y1130" s="262"/>
      <c r="Z1130" s="262"/>
      <c r="AA1130" s="262"/>
      <c r="AB1130" s="262"/>
      <c r="AC1130" s="262"/>
      <c r="AD1130" s="262"/>
      <c r="AE1130" s="262"/>
      <c r="AF1130" s="262"/>
      <c r="AG1130" s="262"/>
      <c r="AH1130" s="262"/>
      <c r="AI1130" s="262"/>
      <c r="AJ1130" s="311"/>
      <c r="AK1130" s="275"/>
      <c r="AL1130" s="276"/>
    </row>
    <row r="1131" spans="1:38" s="76" customFormat="1" thickBot="1">
      <c r="B1131" s="148"/>
      <c r="C1131" s="308"/>
      <c r="D1131" s="284"/>
      <c r="E1131" s="284"/>
      <c r="F1131" s="284"/>
      <c r="G1131" s="284"/>
      <c r="H1131" s="284"/>
      <c r="I1131" s="284"/>
      <c r="J1131" s="284"/>
      <c r="K1131" s="284"/>
      <c r="L1131" s="284"/>
      <c r="M1131" s="284"/>
      <c r="N1131" s="284"/>
      <c r="O1131" s="284"/>
      <c r="P1131" s="284"/>
      <c r="Q1131" s="284"/>
      <c r="R1131" s="284"/>
      <c r="S1131" s="284"/>
      <c r="T1131" s="284"/>
      <c r="U1131" s="284"/>
      <c r="V1131" s="284"/>
      <c r="W1131" s="284"/>
      <c r="X1131" s="284"/>
      <c r="Y1131" s="284"/>
      <c r="Z1131" s="284"/>
      <c r="AA1131" s="284"/>
      <c r="AB1131" s="284"/>
      <c r="AC1131" s="284"/>
      <c r="AD1131" s="284"/>
      <c r="AE1131" s="284"/>
      <c r="AF1131" s="284"/>
      <c r="AG1131" s="284"/>
      <c r="AH1131" s="284"/>
      <c r="AI1131" s="284"/>
      <c r="AJ1131" s="321"/>
      <c r="AK1131" s="277"/>
      <c r="AL1131" s="278"/>
    </row>
    <row r="1132" spans="1:38" s="76" customFormat="1" ht="14" thickTop="1" thickBot="1">
      <c r="C1132" s="196"/>
      <c r="D1132" s="196"/>
      <c r="E1132" s="196"/>
      <c r="F1132" s="196"/>
      <c r="G1132" s="196"/>
      <c r="H1132" s="196"/>
      <c r="I1132" s="196"/>
      <c r="J1132" s="196"/>
      <c r="K1132" s="196"/>
      <c r="L1132" s="196"/>
      <c r="M1132" s="196"/>
      <c r="N1132" s="196"/>
      <c r="O1132" s="196"/>
      <c r="P1132" s="196"/>
      <c r="Q1132" s="196"/>
      <c r="R1132" s="196"/>
      <c r="S1132" s="196"/>
      <c r="T1132" s="196"/>
      <c r="U1132" s="196"/>
      <c r="V1132" s="196"/>
      <c r="W1132" s="196"/>
      <c r="X1132" s="196"/>
      <c r="Y1132" s="196"/>
      <c r="Z1132" s="196"/>
      <c r="AA1132" s="196"/>
      <c r="AB1132" s="196"/>
      <c r="AC1132" s="196"/>
      <c r="AD1132" s="196"/>
      <c r="AE1132" s="196"/>
      <c r="AF1132" s="196"/>
      <c r="AG1132" s="196"/>
      <c r="AH1132" s="196"/>
      <c r="AI1132" s="196"/>
      <c r="AJ1132" s="196"/>
      <c r="AK1132" s="75"/>
      <c r="AL1132" s="75"/>
    </row>
    <row r="1133" spans="1:38" s="76" customFormat="1" thickTop="1">
      <c r="A1133" s="266">
        <v>116</v>
      </c>
      <c r="B1133" s="302"/>
      <c r="C1133" s="248" t="s">
        <v>589</v>
      </c>
      <c r="D1133" s="249"/>
      <c r="E1133" s="249"/>
      <c r="F1133" s="249"/>
      <c r="G1133" s="249"/>
      <c r="H1133" s="249"/>
      <c r="I1133" s="249"/>
      <c r="J1133" s="249"/>
      <c r="K1133" s="249"/>
      <c r="L1133" s="249"/>
      <c r="M1133" s="249"/>
      <c r="N1133" s="249"/>
      <c r="O1133" s="249"/>
      <c r="P1133" s="249"/>
      <c r="Q1133" s="249"/>
      <c r="R1133" s="249"/>
      <c r="S1133" s="249"/>
      <c r="T1133" s="249"/>
      <c r="U1133" s="249"/>
      <c r="V1133" s="249"/>
      <c r="W1133" s="249"/>
      <c r="X1133" s="249"/>
      <c r="Y1133" s="249"/>
      <c r="Z1133" s="249"/>
      <c r="AA1133" s="249"/>
      <c r="AB1133" s="249"/>
      <c r="AC1133" s="249"/>
      <c r="AD1133" s="249"/>
      <c r="AE1133" s="249"/>
      <c r="AF1133" s="249"/>
      <c r="AG1133" s="249"/>
      <c r="AH1133" s="249"/>
      <c r="AI1133" s="249"/>
      <c r="AJ1133" s="249"/>
      <c r="AK1133" s="275"/>
      <c r="AL1133" s="276"/>
    </row>
    <row r="1134" spans="1:38" s="76" customFormat="1" thickBot="1">
      <c r="A1134" s="268"/>
      <c r="B1134" s="303"/>
      <c r="C1134" s="250"/>
      <c r="D1134" s="532"/>
      <c r="E1134" s="532"/>
      <c r="F1134" s="532"/>
      <c r="G1134" s="532"/>
      <c r="H1134" s="532"/>
      <c r="I1134" s="532"/>
      <c r="J1134" s="532"/>
      <c r="K1134" s="532"/>
      <c r="L1134" s="532"/>
      <c r="M1134" s="532"/>
      <c r="N1134" s="532"/>
      <c r="O1134" s="532"/>
      <c r="P1134" s="532"/>
      <c r="Q1134" s="532"/>
      <c r="R1134" s="532"/>
      <c r="S1134" s="532"/>
      <c r="T1134" s="532"/>
      <c r="U1134" s="532"/>
      <c r="V1134" s="532"/>
      <c r="W1134" s="532"/>
      <c r="X1134" s="532"/>
      <c r="Y1134" s="532"/>
      <c r="Z1134" s="532"/>
      <c r="AA1134" s="532"/>
      <c r="AB1134" s="532"/>
      <c r="AC1134" s="532"/>
      <c r="AD1134" s="532"/>
      <c r="AE1134" s="532"/>
      <c r="AF1134" s="532"/>
      <c r="AG1134" s="532"/>
      <c r="AH1134" s="532"/>
      <c r="AI1134" s="532"/>
      <c r="AJ1134" s="532"/>
      <c r="AK1134" s="277"/>
      <c r="AL1134" s="278"/>
    </row>
    <row r="1135" spans="1:38" s="76" customFormat="1" thickTop="1">
      <c r="A1135" s="194"/>
      <c r="B1135" s="194"/>
      <c r="C1135" s="252"/>
      <c r="D1135" s="253"/>
      <c r="E1135" s="253"/>
      <c r="F1135" s="253"/>
      <c r="G1135" s="253"/>
      <c r="H1135" s="253"/>
      <c r="I1135" s="253"/>
      <c r="J1135" s="253"/>
      <c r="K1135" s="253"/>
      <c r="L1135" s="253"/>
      <c r="M1135" s="253"/>
      <c r="N1135" s="253"/>
      <c r="O1135" s="253"/>
      <c r="P1135" s="253"/>
      <c r="Q1135" s="253"/>
      <c r="R1135" s="253"/>
      <c r="S1135" s="253"/>
      <c r="T1135" s="253"/>
      <c r="U1135" s="253"/>
      <c r="V1135" s="253"/>
      <c r="W1135" s="253"/>
      <c r="X1135" s="253"/>
      <c r="Y1135" s="253"/>
      <c r="Z1135" s="253"/>
      <c r="AA1135" s="253"/>
      <c r="AB1135" s="253"/>
      <c r="AC1135" s="253"/>
      <c r="AD1135" s="253"/>
      <c r="AE1135" s="253"/>
      <c r="AF1135" s="253"/>
      <c r="AG1135" s="253"/>
      <c r="AH1135" s="253"/>
      <c r="AI1135" s="253"/>
      <c r="AJ1135" s="253"/>
      <c r="AK1135" s="130"/>
      <c r="AL1135" s="75"/>
    </row>
    <row r="1136" spans="1:38" s="76" customFormat="1" ht="13">
      <c r="A1136" s="194"/>
      <c r="B1136" s="194"/>
      <c r="C1136" s="202"/>
      <c r="D1136" s="202"/>
      <c r="E1136" s="202"/>
      <c r="F1136" s="202"/>
      <c r="G1136" s="202"/>
      <c r="H1136" s="202"/>
      <c r="I1136" s="202"/>
      <c r="J1136" s="202"/>
      <c r="K1136" s="202"/>
      <c r="L1136" s="202"/>
      <c r="M1136" s="202"/>
      <c r="N1136" s="202"/>
      <c r="O1136" s="202"/>
      <c r="P1136" s="202"/>
      <c r="Q1136" s="202"/>
      <c r="R1136" s="202"/>
      <c r="S1136" s="202"/>
      <c r="T1136" s="202"/>
      <c r="U1136" s="202"/>
      <c r="V1136" s="202"/>
      <c r="W1136" s="202"/>
      <c r="X1136" s="202"/>
      <c r="Y1136" s="202"/>
      <c r="Z1136" s="202"/>
      <c r="AA1136" s="202"/>
      <c r="AB1136" s="202"/>
      <c r="AC1136" s="202"/>
      <c r="AD1136" s="202"/>
      <c r="AE1136" s="202"/>
      <c r="AF1136" s="202"/>
      <c r="AG1136" s="202"/>
      <c r="AH1136" s="202"/>
      <c r="AI1136" s="202"/>
      <c r="AJ1136" s="202"/>
      <c r="AK1136" s="75"/>
      <c r="AL1136" s="75"/>
    </row>
    <row r="1137" spans="1:38" s="76" customFormat="1" ht="13.5" customHeight="1">
      <c r="A1137" s="127" t="s">
        <v>151</v>
      </c>
    </row>
    <row r="1138" spans="1:38" s="76" customFormat="1" ht="13.5" customHeight="1" thickBot="1">
      <c r="A1138" s="129" t="s">
        <v>243</v>
      </c>
    </row>
    <row r="1139" spans="1:38" s="76" customFormat="1" ht="13.5" customHeight="1" thickTop="1">
      <c r="A1139" s="266">
        <v>117</v>
      </c>
      <c r="B1139" s="302"/>
      <c r="C1139" s="270" t="s">
        <v>590</v>
      </c>
      <c r="D1139" s="271"/>
      <c r="E1139" s="271"/>
      <c r="F1139" s="271"/>
      <c r="G1139" s="271"/>
      <c r="H1139" s="271"/>
      <c r="I1139" s="271"/>
      <c r="J1139" s="271"/>
      <c r="K1139" s="271"/>
      <c r="L1139" s="271"/>
      <c r="M1139" s="271"/>
      <c r="N1139" s="271"/>
      <c r="O1139" s="271"/>
      <c r="P1139" s="271"/>
      <c r="Q1139" s="271"/>
      <c r="R1139" s="271"/>
      <c r="S1139" s="271"/>
      <c r="T1139" s="271"/>
      <c r="U1139" s="271"/>
      <c r="V1139" s="271"/>
      <c r="W1139" s="271"/>
      <c r="X1139" s="271"/>
      <c r="Y1139" s="271"/>
      <c r="Z1139" s="271"/>
      <c r="AA1139" s="271"/>
      <c r="AB1139" s="271"/>
      <c r="AC1139" s="271"/>
      <c r="AD1139" s="271"/>
      <c r="AE1139" s="271"/>
      <c r="AF1139" s="271"/>
      <c r="AG1139" s="271"/>
      <c r="AH1139" s="271"/>
      <c r="AI1139" s="271"/>
      <c r="AJ1139" s="271"/>
      <c r="AK1139" s="275"/>
      <c r="AL1139" s="276"/>
    </row>
    <row r="1140" spans="1:38" s="76" customFormat="1" ht="13.5" customHeight="1" thickBot="1">
      <c r="A1140" s="268"/>
      <c r="B1140" s="303"/>
      <c r="C1140" s="272"/>
      <c r="D1140" s="263"/>
      <c r="E1140" s="263"/>
      <c r="F1140" s="263"/>
      <c r="G1140" s="263"/>
      <c r="H1140" s="263"/>
      <c r="I1140" s="263"/>
      <c r="J1140" s="263"/>
      <c r="K1140" s="263"/>
      <c r="L1140" s="263"/>
      <c r="M1140" s="263"/>
      <c r="N1140" s="263"/>
      <c r="O1140" s="263"/>
      <c r="P1140" s="263"/>
      <c r="Q1140" s="263"/>
      <c r="R1140" s="263"/>
      <c r="S1140" s="263"/>
      <c r="T1140" s="263"/>
      <c r="U1140" s="263"/>
      <c r="V1140" s="263"/>
      <c r="W1140" s="263"/>
      <c r="X1140" s="263"/>
      <c r="Y1140" s="263"/>
      <c r="Z1140" s="263"/>
      <c r="AA1140" s="263"/>
      <c r="AB1140" s="263"/>
      <c r="AC1140" s="263"/>
      <c r="AD1140" s="263"/>
      <c r="AE1140" s="263"/>
      <c r="AF1140" s="263"/>
      <c r="AG1140" s="263"/>
      <c r="AH1140" s="263"/>
      <c r="AI1140" s="263"/>
      <c r="AJ1140" s="263"/>
      <c r="AK1140" s="277"/>
      <c r="AL1140" s="278"/>
    </row>
    <row r="1141" spans="1:38" s="76" customFormat="1" ht="13.5" customHeight="1" thickTop="1">
      <c r="A1141" s="194"/>
      <c r="B1141" s="194"/>
      <c r="C1141" s="273"/>
      <c r="D1141" s="274"/>
      <c r="E1141" s="274"/>
      <c r="F1141" s="274"/>
      <c r="G1141" s="274"/>
      <c r="H1141" s="274"/>
      <c r="I1141" s="274"/>
      <c r="J1141" s="274"/>
      <c r="K1141" s="274"/>
      <c r="L1141" s="274"/>
      <c r="M1141" s="274"/>
      <c r="N1141" s="274"/>
      <c r="O1141" s="274"/>
      <c r="P1141" s="274"/>
      <c r="Q1141" s="274"/>
      <c r="R1141" s="274"/>
      <c r="S1141" s="274"/>
      <c r="T1141" s="274"/>
      <c r="U1141" s="274"/>
      <c r="V1141" s="274"/>
      <c r="W1141" s="274"/>
      <c r="X1141" s="274"/>
      <c r="Y1141" s="274"/>
      <c r="Z1141" s="274"/>
      <c r="AA1141" s="274"/>
      <c r="AB1141" s="274"/>
      <c r="AC1141" s="274"/>
      <c r="AD1141" s="274"/>
      <c r="AE1141" s="274"/>
      <c r="AF1141" s="274"/>
      <c r="AG1141" s="274"/>
      <c r="AH1141" s="274"/>
      <c r="AI1141" s="274"/>
      <c r="AJ1141" s="314"/>
      <c r="AK1141" s="75"/>
      <c r="AL1141" s="75"/>
    </row>
    <row r="1142" spans="1:38" s="76" customFormat="1" ht="13.5" customHeight="1" thickBot="1">
      <c r="A1142" s="194"/>
      <c r="B1142" s="194"/>
      <c r="C1142" s="196"/>
      <c r="D1142" s="196"/>
      <c r="E1142" s="196"/>
      <c r="F1142" s="196"/>
      <c r="G1142" s="196"/>
      <c r="H1142" s="196"/>
      <c r="I1142" s="196"/>
      <c r="J1142" s="196"/>
      <c r="K1142" s="196"/>
      <c r="L1142" s="196"/>
      <c r="M1142" s="196"/>
      <c r="N1142" s="196"/>
      <c r="O1142" s="196"/>
      <c r="P1142" s="196"/>
      <c r="Q1142" s="196"/>
      <c r="R1142" s="196"/>
      <c r="S1142" s="196"/>
      <c r="T1142" s="196"/>
      <c r="U1142" s="196"/>
      <c r="V1142" s="196"/>
      <c r="W1142" s="196"/>
      <c r="X1142" s="196"/>
      <c r="Y1142" s="196"/>
      <c r="Z1142" s="196"/>
      <c r="AA1142" s="196"/>
      <c r="AB1142" s="196"/>
      <c r="AC1142" s="196"/>
      <c r="AD1142" s="196"/>
      <c r="AE1142" s="196"/>
      <c r="AF1142" s="196"/>
      <c r="AG1142" s="196"/>
      <c r="AH1142" s="196"/>
      <c r="AI1142" s="196"/>
      <c r="AJ1142" s="196"/>
      <c r="AK1142" s="75"/>
      <c r="AL1142" s="75"/>
    </row>
    <row r="1143" spans="1:38" s="76" customFormat="1" ht="13.5" customHeight="1" thickTop="1">
      <c r="A1143" s="266">
        <v>118</v>
      </c>
      <c r="B1143" s="302"/>
      <c r="C1143" s="270" t="s">
        <v>591</v>
      </c>
      <c r="D1143" s="271"/>
      <c r="E1143" s="271"/>
      <c r="F1143" s="271"/>
      <c r="G1143" s="271"/>
      <c r="H1143" s="271"/>
      <c r="I1143" s="271"/>
      <c r="J1143" s="271"/>
      <c r="K1143" s="271"/>
      <c r="L1143" s="271"/>
      <c r="M1143" s="271"/>
      <c r="N1143" s="271"/>
      <c r="O1143" s="271"/>
      <c r="P1143" s="271"/>
      <c r="Q1143" s="271"/>
      <c r="R1143" s="271"/>
      <c r="S1143" s="271"/>
      <c r="T1143" s="271"/>
      <c r="U1143" s="271"/>
      <c r="V1143" s="271"/>
      <c r="W1143" s="271"/>
      <c r="X1143" s="271"/>
      <c r="Y1143" s="271"/>
      <c r="Z1143" s="271"/>
      <c r="AA1143" s="271"/>
      <c r="AB1143" s="271"/>
      <c r="AC1143" s="271"/>
      <c r="AD1143" s="271"/>
      <c r="AE1143" s="271"/>
      <c r="AF1143" s="271"/>
      <c r="AG1143" s="271"/>
      <c r="AH1143" s="271"/>
      <c r="AI1143" s="271"/>
      <c r="AJ1143" s="271"/>
      <c r="AK1143" s="275"/>
      <c r="AL1143" s="276"/>
    </row>
    <row r="1144" spans="1:38" s="76" customFormat="1" ht="13.5" customHeight="1" thickBot="1">
      <c r="A1144" s="268"/>
      <c r="B1144" s="303"/>
      <c r="C1144" s="272"/>
      <c r="D1144" s="263"/>
      <c r="E1144" s="263"/>
      <c r="F1144" s="263"/>
      <c r="G1144" s="263"/>
      <c r="H1144" s="263"/>
      <c r="I1144" s="263"/>
      <c r="J1144" s="263"/>
      <c r="K1144" s="263"/>
      <c r="L1144" s="263"/>
      <c r="M1144" s="263"/>
      <c r="N1144" s="263"/>
      <c r="O1144" s="263"/>
      <c r="P1144" s="263"/>
      <c r="Q1144" s="263"/>
      <c r="R1144" s="263"/>
      <c r="S1144" s="263"/>
      <c r="T1144" s="263"/>
      <c r="U1144" s="263"/>
      <c r="V1144" s="263"/>
      <c r="W1144" s="263"/>
      <c r="X1144" s="263"/>
      <c r="Y1144" s="263"/>
      <c r="Z1144" s="263"/>
      <c r="AA1144" s="263"/>
      <c r="AB1144" s="263"/>
      <c r="AC1144" s="263"/>
      <c r="AD1144" s="263"/>
      <c r="AE1144" s="263"/>
      <c r="AF1144" s="263"/>
      <c r="AG1144" s="263"/>
      <c r="AH1144" s="263"/>
      <c r="AI1144" s="263"/>
      <c r="AJ1144" s="263"/>
      <c r="AK1144" s="277"/>
      <c r="AL1144" s="278"/>
    </row>
    <row r="1145" spans="1:38" s="76" customFormat="1" ht="13.5" customHeight="1" thickTop="1">
      <c r="A1145" s="194"/>
      <c r="B1145" s="194"/>
      <c r="C1145" s="273"/>
      <c r="D1145" s="274"/>
      <c r="E1145" s="274"/>
      <c r="F1145" s="274"/>
      <c r="G1145" s="274"/>
      <c r="H1145" s="274"/>
      <c r="I1145" s="274"/>
      <c r="J1145" s="274"/>
      <c r="K1145" s="274"/>
      <c r="L1145" s="274"/>
      <c r="M1145" s="274"/>
      <c r="N1145" s="274"/>
      <c r="O1145" s="274"/>
      <c r="P1145" s="274"/>
      <c r="Q1145" s="274"/>
      <c r="R1145" s="274"/>
      <c r="S1145" s="274"/>
      <c r="T1145" s="274"/>
      <c r="U1145" s="274"/>
      <c r="V1145" s="274"/>
      <c r="W1145" s="274"/>
      <c r="X1145" s="274"/>
      <c r="Y1145" s="274"/>
      <c r="Z1145" s="274"/>
      <c r="AA1145" s="274"/>
      <c r="AB1145" s="274"/>
      <c r="AC1145" s="274"/>
      <c r="AD1145" s="274"/>
      <c r="AE1145" s="274"/>
      <c r="AF1145" s="274"/>
      <c r="AG1145" s="274"/>
      <c r="AH1145" s="274"/>
      <c r="AI1145" s="274"/>
      <c r="AJ1145" s="274"/>
      <c r="AK1145" s="130"/>
      <c r="AL1145" s="75"/>
    </row>
    <row r="1146" spans="1:38" s="76" customFormat="1" ht="13.5" customHeight="1">
      <c r="A1146" s="194"/>
      <c r="B1146" s="194"/>
      <c r="C1146" s="196"/>
      <c r="D1146" s="196"/>
      <c r="E1146" s="196"/>
      <c r="F1146" s="196"/>
      <c r="G1146" s="196"/>
      <c r="H1146" s="196"/>
      <c r="I1146" s="196"/>
      <c r="J1146" s="196"/>
      <c r="K1146" s="196"/>
      <c r="L1146" s="196"/>
      <c r="M1146" s="196"/>
      <c r="N1146" s="196"/>
      <c r="O1146" s="196"/>
      <c r="P1146" s="196"/>
      <c r="Q1146" s="196"/>
      <c r="R1146" s="196"/>
      <c r="S1146" s="196"/>
      <c r="T1146" s="196"/>
      <c r="U1146" s="196"/>
      <c r="V1146" s="196"/>
      <c r="W1146" s="196"/>
      <c r="X1146" s="196"/>
      <c r="Y1146" s="196"/>
      <c r="Z1146" s="196"/>
      <c r="AA1146" s="196"/>
      <c r="AB1146" s="196"/>
      <c r="AC1146" s="196"/>
      <c r="AD1146" s="196"/>
      <c r="AE1146" s="196"/>
      <c r="AF1146" s="196"/>
      <c r="AG1146" s="196"/>
      <c r="AH1146" s="196"/>
      <c r="AI1146" s="196"/>
      <c r="AJ1146" s="196"/>
      <c r="AK1146" s="75"/>
      <c r="AL1146" s="75"/>
    </row>
    <row r="1147" spans="1:38" s="76" customFormat="1" ht="13.5" customHeight="1">
      <c r="A1147" s="127" t="s">
        <v>152</v>
      </c>
      <c r="AK1147" s="75"/>
      <c r="AL1147" s="75"/>
    </row>
    <row r="1148" spans="1:38" s="76" customFormat="1" ht="13.5" customHeight="1" thickBot="1">
      <c r="A1148" s="129" t="s">
        <v>244</v>
      </c>
      <c r="AK1148" s="75"/>
      <c r="AL1148" s="75"/>
    </row>
    <row r="1149" spans="1:38" s="76" customFormat="1" ht="13.75" customHeight="1" thickTop="1">
      <c r="A1149" s="266">
        <v>119</v>
      </c>
      <c r="B1149" s="302"/>
      <c r="C1149" s="270" t="s">
        <v>592</v>
      </c>
      <c r="D1149" s="271"/>
      <c r="E1149" s="271"/>
      <c r="F1149" s="271"/>
      <c r="G1149" s="271"/>
      <c r="H1149" s="271"/>
      <c r="I1149" s="271"/>
      <c r="J1149" s="271"/>
      <c r="K1149" s="271"/>
      <c r="L1149" s="271"/>
      <c r="M1149" s="271"/>
      <c r="N1149" s="271"/>
      <c r="O1149" s="271"/>
      <c r="P1149" s="271"/>
      <c r="Q1149" s="271"/>
      <c r="R1149" s="271"/>
      <c r="S1149" s="271"/>
      <c r="T1149" s="271"/>
      <c r="U1149" s="271"/>
      <c r="V1149" s="271"/>
      <c r="W1149" s="271"/>
      <c r="X1149" s="271"/>
      <c r="Y1149" s="271"/>
      <c r="Z1149" s="271"/>
      <c r="AA1149" s="271"/>
      <c r="AB1149" s="271"/>
      <c r="AC1149" s="271"/>
      <c r="AD1149" s="271"/>
      <c r="AE1149" s="271"/>
      <c r="AF1149" s="271"/>
      <c r="AG1149" s="271"/>
      <c r="AH1149" s="271"/>
      <c r="AI1149" s="271"/>
      <c r="AJ1149" s="485"/>
      <c r="AK1149" s="275"/>
      <c r="AL1149" s="276"/>
    </row>
    <row r="1150" spans="1:38" s="76" customFormat="1" thickBot="1">
      <c r="A1150" s="268"/>
      <c r="B1150" s="303"/>
      <c r="C1150" s="272"/>
      <c r="D1150" s="281"/>
      <c r="E1150" s="281"/>
      <c r="F1150" s="281"/>
      <c r="G1150" s="281"/>
      <c r="H1150" s="281"/>
      <c r="I1150" s="281"/>
      <c r="J1150" s="281"/>
      <c r="K1150" s="281"/>
      <c r="L1150" s="281"/>
      <c r="M1150" s="281"/>
      <c r="N1150" s="281"/>
      <c r="O1150" s="281"/>
      <c r="P1150" s="281"/>
      <c r="Q1150" s="281"/>
      <c r="R1150" s="281"/>
      <c r="S1150" s="281"/>
      <c r="T1150" s="281"/>
      <c r="U1150" s="281"/>
      <c r="V1150" s="281"/>
      <c r="W1150" s="281"/>
      <c r="X1150" s="281"/>
      <c r="Y1150" s="281"/>
      <c r="Z1150" s="281"/>
      <c r="AA1150" s="281"/>
      <c r="AB1150" s="281"/>
      <c r="AC1150" s="281"/>
      <c r="AD1150" s="281"/>
      <c r="AE1150" s="281"/>
      <c r="AF1150" s="281"/>
      <c r="AG1150" s="281"/>
      <c r="AH1150" s="281"/>
      <c r="AI1150" s="281"/>
      <c r="AJ1150" s="439"/>
      <c r="AK1150" s="277"/>
      <c r="AL1150" s="278"/>
    </row>
    <row r="1151" spans="1:38" s="76" customFormat="1" thickTop="1">
      <c r="A1151" s="125"/>
      <c r="B1151" s="125"/>
      <c r="C1151" s="272"/>
      <c r="D1151" s="281"/>
      <c r="E1151" s="281"/>
      <c r="F1151" s="281"/>
      <c r="G1151" s="281"/>
      <c r="H1151" s="281"/>
      <c r="I1151" s="281"/>
      <c r="J1151" s="281"/>
      <c r="K1151" s="281"/>
      <c r="L1151" s="281"/>
      <c r="M1151" s="281"/>
      <c r="N1151" s="281"/>
      <c r="O1151" s="281"/>
      <c r="P1151" s="281"/>
      <c r="Q1151" s="281"/>
      <c r="R1151" s="281"/>
      <c r="S1151" s="281"/>
      <c r="T1151" s="281"/>
      <c r="U1151" s="281"/>
      <c r="V1151" s="281"/>
      <c r="W1151" s="281"/>
      <c r="X1151" s="281"/>
      <c r="Y1151" s="281"/>
      <c r="Z1151" s="281"/>
      <c r="AA1151" s="281"/>
      <c r="AB1151" s="281"/>
      <c r="AC1151" s="281"/>
      <c r="AD1151" s="281"/>
      <c r="AE1151" s="281"/>
      <c r="AF1151" s="281"/>
      <c r="AG1151" s="281"/>
      <c r="AH1151" s="281"/>
      <c r="AI1151" s="281"/>
      <c r="AJ1151" s="439"/>
      <c r="AK1151" s="162"/>
      <c r="AL1151" s="126"/>
    </row>
    <row r="1152" spans="1:38" s="76" customFormat="1" ht="13">
      <c r="A1152" s="125"/>
      <c r="B1152" s="125"/>
      <c r="C1152" s="272"/>
      <c r="D1152" s="281"/>
      <c r="E1152" s="281"/>
      <c r="F1152" s="281"/>
      <c r="G1152" s="281"/>
      <c r="H1152" s="281"/>
      <c r="I1152" s="281"/>
      <c r="J1152" s="281"/>
      <c r="K1152" s="281"/>
      <c r="L1152" s="281"/>
      <c r="M1152" s="281"/>
      <c r="N1152" s="281"/>
      <c r="O1152" s="281"/>
      <c r="P1152" s="281"/>
      <c r="Q1152" s="281"/>
      <c r="R1152" s="281"/>
      <c r="S1152" s="281"/>
      <c r="T1152" s="281"/>
      <c r="U1152" s="281"/>
      <c r="V1152" s="281"/>
      <c r="W1152" s="281"/>
      <c r="X1152" s="281"/>
      <c r="Y1152" s="281"/>
      <c r="Z1152" s="281"/>
      <c r="AA1152" s="281"/>
      <c r="AB1152" s="281"/>
      <c r="AC1152" s="281"/>
      <c r="AD1152" s="281"/>
      <c r="AE1152" s="281"/>
      <c r="AF1152" s="281"/>
      <c r="AG1152" s="281"/>
      <c r="AH1152" s="281"/>
      <c r="AI1152" s="281"/>
      <c r="AJ1152" s="439"/>
      <c r="AK1152" s="126"/>
      <c r="AL1152" s="126"/>
    </row>
    <row r="1153" spans="1:38" s="76" customFormat="1" ht="13">
      <c r="A1153" s="125"/>
      <c r="B1153" s="125"/>
      <c r="C1153" s="273"/>
      <c r="D1153" s="274"/>
      <c r="E1153" s="274"/>
      <c r="F1153" s="274"/>
      <c r="G1153" s="274"/>
      <c r="H1153" s="274"/>
      <c r="I1153" s="274"/>
      <c r="J1153" s="274"/>
      <c r="K1153" s="274"/>
      <c r="L1153" s="274"/>
      <c r="M1153" s="274"/>
      <c r="N1153" s="274"/>
      <c r="O1153" s="274"/>
      <c r="P1153" s="274"/>
      <c r="Q1153" s="274"/>
      <c r="R1153" s="274"/>
      <c r="S1153" s="274"/>
      <c r="T1153" s="274"/>
      <c r="U1153" s="274"/>
      <c r="V1153" s="274"/>
      <c r="W1153" s="274"/>
      <c r="X1153" s="274"/>
      <c r="Y1153" s="274"/>
      <c r="Z1153" s="274"/>
      <c r="AA1153" s="274"/>
      <c r="AB1153" s="274"/>
      <c r="AC1153" s="274"/>
      <c r="AD1153" s="274"/>
      <c r="AE1153" s="274"/>
      <c r="AF1153" s="274"/>
      <c r="AG1153" s="274"/>
      <c r="AH1153" s="274"/>
      <c r="AI1153" s="274"/>
      <c r="AJ1153" s="314"/>
      <c r="AK1153" s="126"/>
      <c r="AL1153" s="126"/>
    </row>
    <row r="1154" spans="1:38" s="76" customFormat="1" ht="13.5" customHeight="1">
      <c r="C1154" s="197" t="s">
        <v>59</v>
      </c>
      <c r="D1154" s="371" t="s">
        <v>356</v>
      </c>
      <c r="E1154" s="371"/>
      <c r="F1154" s="371"/>
      <c r="G1154" s="371"/>
      <c r="H1154" s="371"/>
      <c r="I1154" s="371"/>
      <c r="J1154" s="371"/>
      <c r="K1154" s="371"/>
      <c r="L1154" s="371"/>
      <c r="M1154" s="371"/>
      <c r="N1154" s="371"/>
      <c r="O1154" s="371"/>
      <c r="P1154" s="371"/>
      <c r="Q1154" s="371"/>
      <c r="R1154" s="371"/>
      <c r="S1154" s="371"/>
      <c r="T1154" s="371"/>
      <c r="U1154" s="371"/>
      <c r="V1154" s="371"/>
      <c r="W1154" s="371"/>
      <c r="X1154" s="371"/>
      <c r="Y1154" s="371"/>
      <c r="Z1154" s="371"/>
      <c r="AA1154" s="371"/>
      <c r="AB1154" s="371"/>
      <c r="AC1154" s="371"/>
      <c r="AD1154" s="371"/>
      <c r="AE1154" s="371"/>
      <c r="AF1154" s="371"/>
      <c r="AG1154" s="371"/>
      <c r="AH1154" s="371"/>
      <c r="AI1154" s="371"/>
      <c r="AJ1154" s="371"/>
    </row>
    <row r="1155" spans="1:38" s="76" customFormat="1" ht="13.5" customHeight="1">
      <c r="D1155" s="372"/>
      <c r="E1155" s="372"/>
      <c r="F1155" s="372"/>
      <c r="G1155" s="372"/>
      <c r="H1155" s="372"/>
      <c r="I1155" s="372"/>
      <c r="J1155" s="372"/>
      <c r="K1155" s="372"/>
      <c r="L1155" s="372"/>
      <c r="M1155" s="372"/>
      <c r="N1155" s="372"/>
      <c r="O1155" s="372"/>
      <c r="P1155" s="372"/>
      <c r="Q1155" s="372"/>
      <c r="R1155" s="372"/>
      <c r="S1155" s="372"/>
      <c r="T1155" s="372"/>
      <c r="U1155" s="372"/>
      <c r="V1155" s="372"/>
      <c r="W1155" s="372"/>
      <c r="X1155" s="372"/>
      <c r="Y1155" s="372"/>
      <c r="Z1155" s="372"/>
      <c r="AA1155" s="372"/>
      <c r="AB1155" s="372"/>
      <c r="AC1155" s="372"/>
      <c r="AD1155" s="372"/>
      <c r="AE1155" s="372"/>
      <c r="AF1155" s="372"/>
      <c r="AG1155" s="372"/>
      <c r="AH1155" s="372"/>
      <c r="AI1155" s="372"/>
      <c r="AJ1155" s="372"/>
    </row>
    <row r="1156" spans="1:38" s="76" customFormat="1" ht="13.5" customHeight="1">
      <c r="A1156" s="194"/>
      <c r="B1156" s="194"/>
      <c r="C1156" s="196"/>
      <c r="D1156" s="196"/>
      <c r="E1156" s="196"/>
      <c r="F1156" s="196"/>
      <c r="G1156" s="196"/>
      <c r="H1156" s="196"/>
      <c r="I1156" s="196"/>
      <c r="J1156" s="196"/>
      <c r="K1156" s="196"/>
      <c r="L1156" s="196"/>
      <c r="M1156" s="196"/>
      <c r="N1156" s="196"/>
      <c r="O1156" s="196"/>
      <c r="P1156" s="196"/>
      <c r="Q1156" s="196"/>
      <c r="R1156" s="196"/>
      <c r="S1156" s="196"/>
      <c r="T1156" s="196"/>
      <c r="U1156" s="196"/>
      <c r="V1156" s="196"/>
      <c r="W1156" s="196"/>
      <c r="X1156" s="196"/>
      <c r="Y1156" s="196"/>
      <c r="Z1156" s="196"/>
      <c r="AA1156" s="196"/>
      <c r="AB1156" s="196"/>
      <c r="AC1156" s="196"/>
      <c r="AD1156" s="196"/>
      <c r="AE1156" s="196"/>
      <c r="AF1156" s="196"/>
      <c r="AG1156" s="196"/>
      <c r="AH1156" s="196"/>
      <c r="AI1156" s="196"/>
      <c r="AJ1156" s="196"/>
      <c r="AK1156" s="75"/>
      <c r="AL1156" s="75"/>
    </row>
    <row r="1157" spans="1:38" s="76" customFormat="1" ht="13.5" customHeight="1">
      <c r="A1157" s="127" t="s">
        <v>153</v>
      </c>
    </row>
    <row r="1158" spans="1:38" s="76" customFormat="1" ht="13.5" customHeight="1" thickBot="1">
      <c r="A1158" s="129" t="s">
        <v>245</v>
      </c>
    </row>
    <row r="1159" spans="1:38" s="76" customFormat="1" ht="13.5" customHeight="1" thickTop="1">
      <c r="A1159" s="266">
        <v>120</v>
      </c>
      <c r="B1159" s="302"/>
      <c r="C1159" s="270" t="s">
        <v>593</v>
      </c>
      <c r="D1159" s="271"/>
      <c r="E1159" s="271"/>
      <c r="F1159" s="271"/>
      <c r="G1159" s="271"/>
      <c r="H1159" s="271"/>
      <c r="I1159" s="271"/>
      <c r="J1159" s="271"/>
      <c r="K1159" s="271"/>
      <c r="L1159" s="271"/>
      <c r="M1159" s="271"/>
      <c r="N1159" s="271"/>
      <c r="O1159" s="271"/>
      <c r="P1159" s="271"/>
      <c r="Q1159" s="271"/>
      <c r="R1159" s="271"/>
      <c r="S1159" s="271"/>
      <c r="T1159" s="271"/>
      <c r="U1159" s="271"/>
      <c r="V1159" s="271"/>
      <c r="W1159" s="271"/>
      <c r="X1159" s="271"/>
      <c r="Y1159" s="271"/>
      <c r="Z1159" s="271"/>
      <c r="AA1159" s="271"/>
      <c r="AB1159" s="271"/>
      <c r="AC1159" s="271"/>
      <c r="AD1159" s="271"/>
      <c r="AE1159" s="271"/>
      <c r="AF1159" s="271"/>
      <c r="AG1159" s="271"/>
      <c r="AH1159" s="271"/>
      <c r="AI1159" s="271"/>
      <c r="AJ1159" s="271"/>
      <c r="AK1159" s="275"/>
      <c r="AL1159" s="276"/>
    </row>
    <row r="1160" spans="1:38" s="76" customFormat="1" ht="13.5" customHeight="1" thickBot="1">
      <c r="A1160" s="268"/>
      <c r="B1160" s="303"/>
      <c r="C1160" s="272"/>
      <c r="D1160" s="281"/>
      <c r="E1160" s="281"/>
      <c r="F1160" s="281"/>
      <c r="G1160" s="281"/>
      <c r="H1160" s="281"/>
      <c r="I1160" s="281"/>
      <c r="J1160" s="281"/>
      <c r="K1160" s="281"/>
      <c r="L1160" s="281"/>
      <c r="M1160" s="281"/>
      <c r="N1160" s="281"/>
      <c r="O1160" s="281"/>
      <c r="P1160" s="281"/>
      <c r="Q1160" s="281"/>
      <c r="R1160" s="281"/>
      <c r="S1160" s="281"/>
      <c r="T1160" s="281"/>
      <c r="U1160" s="281"/>
      <c r="V1160" s="281"/>
      <c r="W1160" s="281"/>
      <c r="X1160" s="281"/>
      <c r="Y1160" s="281"/>
      <c r="Z1160" s="281"/>
      <c r="AA1160" s="281"/>
      <c r="AB1160" s="281"/>
      <c r="AC1160" s="281"/>
      <c r="AD1160" s="281"/>
      <c r="AE1160" s="281"/>
      <c r="AF1160" s="281"/>
      <c r="AG1160" s="281"/>
      <c r="AH1160" s="281"/>
      <c r="AI1160" s="281"/>
      <c r="AJ1160" s="281"/>
      <c r="AK1160" s="277"/>
      <c r="AL1160" s="278"/>
    </row>
    <row r="1161" spans="1:38" s="76" customFormat="1" ht="13.5" customHeight="1" thickTop="1">
      <c r="A1161" s="125"/>
      <c r="B1161" s="125"/>
      <c r="C1161" s="272"/>
      <c r="D1161" s="281"/>
      <c r="E1161" s="281"/>
      <c r="F1161" s="281"/>
      <c r="G1161" s="281"/>
      <c r="H1161" s="281"/>
      <c r="I1161" s="281"/>
      <c r="J1161" s="281"/>
      <c r="K1161" s="281"/>
      <c r="L1161" s="281"/>
      <c r="M1161" s="281"/>
      <c r="N1161" s="281"/>
      <c r="O1161" s="281"/>
      <c r="P1161" s="281"/>
      <c r="Q1161" s="281"/>
      <c r="R1161" s="281"/>
      <c r="S1161" s="281"/>
      <c r="T1161" s="281"/>
      <c r="U1161" s="281"/>
      <c r="V1161" s="281"/>
      <c r="W1161" s="281"/>
      <c r="X1161" s="281"/>
      <c r="Y1161" s="281"/>
      <c r="Z1161" s="281"/>
      <c r="AA1161" s="281"/>
      <c r="AB1161" s="281"/>
      <c r="AC1161" s="281"/>
      <c r="AD1161" s="281"/>
      <c r="AE1161" s="281"/>
      <c r="AF1161" s="281"/>
      <c r="AG1161" s="281"/>
      <c r="AH1161" s="281"/>
      <c r="AI1161" s="281"/>
      <c r="AJ1161" s="281"/>
      <c r="AK1161" s="130"/>
      <c r="AL1161" s="126"/>
    </row>
    <row r="1162" spans="1:38" s="76" customFormat="1" ht="13.5" customHeight="1">
      <c r="A1162" s="125"/>
      <c r="B1162" s="125"/>
      <c r="C1162" s="273"/>
      <c r="D1162" s="274"/>
      <c r="E1162" s="274"/>
      <c r="F1162" s="274"/>
      <c r="G1162" s="274"/>
      <c r="H1162" s="274"/>
      <c r="I1162" s="274"/>
      <c r="J1162" s="274"/>
      <c r="K1162" s="274"/>
      <c r="L1162" s="274"/>
      <c r="M1162" s="274"/>
      <c r="N1162" s="274"/>
      <c r="O1162" s="274"/>
      <c r="P1162" s="274"/>
      <c r="Q1162" s="274"/>
      <c r="R1162" s="274"/>
      <c r="S1162" s="274"/>
      <c r="T1162" s="274"/>
      <c r="U1162" s="274"/>
      <c r="V1162" s="274"/>
      <c r="W1162" s="274"/>
      <c r="X1162" s="274"/>
      <c r="Y1162" s="274"/>
      <c r="Z1162" s="274"/>
      <c r="AA1162" s="274"/>
      <c r="AB1162" s="274"/>
      <c r="AC1162" s="274"/>
      <c r="AD1162" s="274"/>
      <c r="AE1162" s="274"/>
      <c r="AF1162" s="274"/>
      <c r="AG1162" s="274"/>
      <c r="AH1162" s="274"/>
      <c r="AI1162" s="274"/>
      <c r="AJ1162" s="314"/>
      <c r="AK1162" s="126"/>
      <c r="AL1162" s="126"/>
    </row>
    <row r="1163" spans="1:38" s="102" customFormat="1" ht="13"/>
    <row r="1164" spans="1:38" s="102" customFormat="1" thickBot="1">
      <c r="C1164" s="102" t="s">
        <v>298</v>
      </c>
    </row>
    <row r="1165" spans="1:38" s="102" customFormat="1" thickTop="1">
      <c r="A1165" s="100"/>
      <c r="B1165" s="203"/>
      <c r="C1165" s="292" t="s">
        <v>299</v>
      </c>
      <c r="D1165" s="293"/>
      <c r="E1165" s="293"/>
      <c r="F1165" s="293"/>
      <c r="G1165" s="293"/>
      <c r="H1165" s="293"/>
      <c r="I1165" s="293"/>
      <c r="J1165" s="293"/>
      <c r="K1165" s="293"/>
      <c r="L1165" s="293"/>
      <c r="M1165" s="293"/>
      <c r="N1165" s="293"/>
      <c r="O1165" s="293"/>
      <c r="P1165" s="293"/>
      <c r="Q1165" s="293"/>
      <c r="R1165" s="293"/>
      <c r="S1165" s="293"/>
      <c r="T1165" s="293"/>
      <c r="U1165" s="293"/>
      <c r="V1165" s="293"/>
      <c r="W1165" s="293"/>
      <c r="X1165" s="293"/>
      <c r="Y1165" s="293"/>
      <c r="Z1165" s="293"/>
      <c r="AA1165" s="293"/>
      <c r="AB1165" s="293"/>
      <c r="AC1165" s="293"/>
      <c r="AD1165" s="293"/>
      <c r="AE1165" s="293"/>
      <c r="AF1165" s="293"/>
      <c r="AG1165" s="293"/>
      <c r="AH1165" s="293"/>
      <c r="AI1165" s="293"/>
      <c r="AJ1165" s="294"/>
      <c r="AK1165" s="298"/>
      <c r="AL1165" s="299"/>
    </row>
    <row r="1166" spans="1:38" s="102" customFormat="1" thickBot="1">
      <c r="A1166" s="100"/>
      <c r="B1166" s="203"/>
      <c r="C1166" s="295"/>
      <c r="D1166" s="296"/>
      <c r="E1166" s="296"/>
      <c r="F1166" s="296"/>
      <c r="G1166" s="296"/>
      <c r="H1166" s="296"/>
      <c r="I1166" s="296"/>
      <c r="J1166" s="296"/>
      <c r="K1166" s="296"/>
      <c r="L1166" s="296"/>
      <c r="M1166" s="296"/>
      <c r="N1166" s="296"/>
      <c r="O1166" s="296"/>
      <c r="P1166" s="296"/>
      <c r="Q1166" s="296"/>
      <c r="R1166" s="296"/>
      <c r="S1166" s="296"/>
      <c r="T1166" s="296"/>
      <c r="U1166" s="296"/>
      <c r="V1166" s="296"/>
      <c r="W1166" s="296"/>
      <c r="X1166" s="296"/>
      <c r="Y1166" s="296"/>
      <c r="Z1166" s="296"/>
      <c r="AA1166" s="296"/>
      <c r="AB1166" s="296"/>
      <c r="AC1166" s="296"/>
      <c r="AD1166" s="296"/>
      <c r="AE1166" s="296"/>
      <c r="AF1166" s="296"/>
      <c r="AG1166" s="296"/>
      <c r="AH1166" s="296"/>
      <c r="AI1166" s="296"/>
      <c r="AJ1166" s="297"/>
      <c r="AK1166" s="300"/>
      <c r="AL1166" s="301"/>
    </row>
    <row r="1167" spans="1:38" s="102" customFormat="1" thickTop="1">
      <c r="A1167" s="100"/>
      <c r="B1167" s="203"/>
      <c r="C1167" s="292" t="s">
        <v>696</v>
      </c>
      <c r="D1167" s="293"/>
      <c r="E1167" s="293"/>
      <c r="F1167" s="293"/>
      <c r="G1167" s="293"/>
      <c r="H1167" s="293"/>
      <c r="I1167" s="293"/>
      <c r="J1167" s="293"/>
      <c r="K1167" s="293"/>
      <c r="L1167" s="293"/>
      <c r="M1167" s="293"/>
      <c r="N1167" s="293"/>
      <c r="O1167" s="293"/>
      <c r="P1167" s="293"/>
      <c r="Q1167" s="293"/>
      <c r="R1167" s="293"/>
      <c r="S1167" s="293"/>
      <c r="T1167" s="293"/>
      <c r="U1167" s="293"/>
      <c r="V1167" s="293"/>
      <c r="W1167" s="293"/>
      <c r="X1167" s="293"/>
      <c r="Y1167" s="293"/>
      <c r="Z1167" s="293"/>
      <c r="AA1167" s="293"/>
      <c r="AB1167" s="293"/>
      <c r="AC1167" s="293"/>
      <c r="AD1167" s="293"/>
      <c r="AE1167" s="293"/>
      <c r="AF1167" s="293"/>
      <c r="AG1167" s="293"/>
      <c r="AH1167" s="293"/>
      <c r="AI1167" s="293"/>
      <c r="AJ1167" s="294"/>
      <c r="AK1167" s="275"/>
      <c r="AL1167" s="276"/>
    </row>
    <row r="1168" spans="1:38" s="102" customFormat="1" thickBot="1">
      <c r="A1168" s="100"/>
      <c r="B1168" s="203"/>
      <c r="C1168" s="497"/>
      <c r="D1168" s="498"/>
      <c r="E1168" s="498"/>
      <c r="F1168" s="498"/>
      <c r="G1168" s="498"/>
      <c r="H1168" s="498"/>
      <c r="I1168" s="498"/>
      <c r="J1168" s="498"/>
      <c r="K1168" s="498"/>
      <c r="L1168" s="498"/>
      <c r="M1168" s="498"/>
      <c r="N1168" s="498"/>
      <c r="O1168" s="498"/>
      <c r="P1168" s="498"/>
      <c r="Q1168" s="498"/>
      <c r="R1168" s="498"/>
      <c r="S1168" s="498"/>
      <c r="T1168" s="498"/>
      <c r="U1168" s="498"/>
      <c r="V1168" s="498"/>
      <c r="W1168" s="498"/>
      <c r="X1168" s="498"/>
      <c r="Y1168" s="498"/>
      <c r="Z1168" s="498"/>
      <c r="AA1168" s="498"/>
      <c r="AB1168" s="498"/>
      <c r="AC1168" s="498"/>
      <c r="AD1168" s="498"/>
      <c r="AE1168" s="498"/>
      <c r="AF1168" s="498"/>
      <c r="AG1168" s="498"/>
      <c r="AH1168" s="498"/>
      <c r="AI1168" s="498"/>
      <c r="AJ1168" s="499"/>
      <c r="AK1168" s="277"/>
      <c r="AL1168" s="278"/>
    </row>
    <row r="1169" spans="1:38" s="102" customFormat="1" thickTop="1">
      <c r="A1169" s="100"/>
      <c r="B1169" s="203"/>
      <c r="C1169" s="497"/>
      <c r="D1169" s="498"/>
      <c r="E1169" s="498"/>
      <c r="F1169" s="498"/>
      <c r="G1169" s="498"/>
      <c r="H1169" s="498"/>
      <c r="I1169" s="498"/>
      <c r="J1169" s="498"/>
      <c r="K1169" s="498"/>
      <c r="L1169" s="498"/>
      <c r="M1169" s="498"/>
      <c r="N1169" s="498"/>
      <c r="O1169" s="498"/>
      <c r="P1169" s="498"/>
      <c r="Q1169" s="498"/>
      <c r="R1169" s="498"/>
      <c r="S1169" s="498"/>
      <c r="T1169" s="498"/>
      <c r="U1169" s="498"/>
      <c r="V1169" s="498"/>
      <c r="W1169" s="498"/>
      <c r="X1169" s="498"/>
      <c r="Y1169" s="498"/>
      <c r="Z1169" s="498"/>
      <c r="AA1169" s="498"/>
      <c r="AB1169" s="498"/>
      <c r="AC1169" s="498"/>
      <c r="AD1169" s="498"/>
      <c r="AE1169" s="498"/>
      <c r="AF1169" s="498"/>
      <c r="AG1169" s="498"/>
      <c r="AH1169" s="498"/>
      <c r="AI1169" s="498"/>
      <c r="AJ1169" s="498"/>
      <c r="AK1169" s="137"/>
      <c r="AL1169" s="162"/>
    </row>
    <row r="1170" spans="1:38" s="102" customFormat="1" thickBot="1">
      <c r="A1170" s="100"/>
      <c r="B1170" s="203"/>
      <c r="C1170" s="295"/>
      <c r="D1170" s="296"/>
      <c r="E1170" s="296"/>
      <c r="F1170" s="296"/>
      <c r="G1170" s="296"/>
      <c r="H1170" s="296"/>
      <c r="I1170" s="296"/>
      <c r="J1170" s="296"/>
      <c r="K1170" s="296"/>
      <c r="L1170" s="296"/>
      <c r="M1170" s="296"/>
      <c r="N1170" s="296"/>
      <c r="O1170" s="296"/>
      <c r="P1170" s="296"/>
      <c r="Q1170" s="296"/>
      <c r="R1170" s="296"/>
      <c r="S1170" s="296"/>
      <c r="T1170" s="296"/>
      <c r="U1170" s="296"/>
      <c r="V1170" s="296"/>
      <c r="W1170" s="296"/>
      <c r="X1170" s="296"/>
      <c r="Y1170" s="296"/>
      <c r="Z1170" s="296"/>
      <c r="AA1170" s="296"/>
      <c r="AB1170" s="296"/>
      <c r="AC1170" s="296"/>
      <c r="AD1170" s="296"/>
      <c r="AE1170" s="296"/>
      <c r="AF1170" s="296"/>
      <c r="AG1170" s="296"/>
      <c r="AH1170" s="296"/>
      <c r="AI1170" s="296"/>
      <c r="AJ1170" s="296"/>
      <c r="AK1170" s="204"/>
      <c r="AL1170" s="152"/>
    </row>
    <row r="1171" spans="1:38" s="102" customFormat="1" thickTop="1">
      <c r="A1171" s="100"/>
      <c r="B1171" s="203"/>
      <c r="C1171" s="292" t="s">
        <v>697</v>
      </c>
      <c r="D1171" s="293"/>
      <c r="E1171" s="293"/>
      <c r="F1171" s="293"/>
      <c r="G1171" s="293"/>
      <c r="H1171" s="293"/>
      <c r="I1171" s="293"/>
      <c r="J1171" s="293"/>
      <c r="K1171" s="293"/>
      <c r="L1171" s="293"/>
      <c r="M1171" s="293"/>
      <c r="N1171" s="293"/>
      <c r="O1171" s="293"/>
      <c r="P1171" s="293"/>
      <c r="Q1171" s="293"/>
      <c r="R1171" s="293"/>
      <c r="S1171" s="293"/>
      <c r="T1171" s="293"/>
      <c r="U1171" s="293"/>
      <c r="V1171" s="293"/>
      <c r="W1171" s="293"/>
      <c r="X1171" s="293"/>
      <c r="Y1171" s="293"/>
      <c r="Z1171" s="293"/>
      <c r="AA1171" s="293"/>
      <c r="AB1171" s="293"/>
      <c r="AC1171" s="293"/>
      <c r="AD1171" s="293"/>
      <c r="AE1171" s="293"/>
      <c r="AF1171" s="293"/>
      <c r="AG1171" s="293"/>
      <c r="AH1171" s="293"/>
      <c r="AI1171" s="293"/>
      <c r="AJ1171" s="294"/>
      <c r="AK1171" s="533"/>
      <c r="AL1171" s="534"/>
    </row>
    <row r="1172" spans="1:38" s="102" customFormat="1" thickBot="1">
      <c r="A1172" s="100"/>
      <c r="B1172" s="203"/>
      <c r="C1172" s="497"/>
      <c r="D1172" s="498"/>
      <c r="E1172" s="498"/>
      <c r="F1172" s="498"/>
      <c r="G1172" s="498"/>
      <c r="H1172" s="498"/>
      <c r="I1172" s="498"/>
      <c r="J1172" s="498"/>
      <c r="K1172" s="498"/>
      <c r="L1172" s="498"/>
      <c r="M1172" s="498"/>
      <c r="N1172" s="498"/>
      <c r="O1172" s="498"/>
      <c r="P1172" s="498"/>
      <c r="Q1172" s="498"/>
      <c r="R1172" s="498"/>
      <c r="S1172" s="498"/>
      <c r="T1172" s="498"/>
      <c r="U1172" s="498"/>
      <c r="V1172" s="498"/>
      <c r="W1172" s="498"/>
      <c r="X1172" s="498"/>
      <c r="Y1172" s="498"/>
      <c r="Z1172" s="498"/>
      <c r="AA1172" s="498"/>
      <c r="AB1172" s="498"/>
      <c r="AC1172" s="498"/>
      <c r="AD1172" s="498"/>
      <c r="AE1172" s="498"/>
      <c r="AF1172" s="498"/>
      <c r="AG1172" s="498"/>
      <c r="AH1172" s="498"/>
      <c r="AI1172" s="498"/>
      <c r="AJ1172" s="499"/>
      <c r="AK1172" s="535"/>
      <c r="AL1172" s="536"/>
    </row>
    <row r="1173" spans="1:38" s="102" customFormat="1" ht="14" thickTop="1" thickBot="1">
      <c r="A1173" s="100"/>
      <c r="B1173" s="203"/>
      <c r="C1173" s="295"/>
      <c r="D1173" s="296"/>
      <c r="E1173" s="296"/>
      <c r="F1173" s="296"/>
      <c r="G1173" s="296"/>
      <c r="H1173" s="296"/>
      <c r="I1173" s="296"/>
      <c r="J1173" s="296"/>
      <c r="K1173" s="296"/>
      <c r="L1173" s="296"/>
      <c r="M1173" s="296"/>
      <c r="N1173" s="296"/>
      <c r="O1173" s="296"/>
      <c r="P1173" s="296"/>
      <c r="Q1173" s="296"/>
      <c r="R1173" s="296"/>
      <c r="S1173" s="296"/>
      <c r="T1173" s="296"/>
      <c r="U1173" s="296"/>
      <c r="V1173" s="296"/>
      <c r="W1173" s="296"/>
      <c r="X1173" s="296"/>
      <c r="Y1173" s="296"/>
      <c r="Z1173" s="296"/>
      <c r="AA1173" s="296"/>
      <c r="AB1173" s="296"/>
      <c r="AC1173" s="296"/>
      <c r="AD1173" s="296"/>
      <c r="AE1173" s="296"/>
      <c r="AF1173" s="296"/>
      <c r="AG1173" s="296"/>
      <c r="AH1173" s="296"/>
      <c r="AI1173" s="296"/>
      <c r="AJ1173" s="296"/>
      <c r="AK1173" s="205"/>
      <c r="AL1173" s="206"/>
    </row>
    <row r="1174" spans="1:38" s="102" customFormat="1" ht="13.75" customHeight="1" thickTop="1">
      <c r="A1174" s="100"/>
      <c r="B1174" s="203"/>
      <c r="C1174" s="292" t="s">
        <v>643</v>
      </c>
      <c r="D1174" s="293"/>
      <c r="E1174" s="293"/>
      <c r="F1174" s="293"/>
      <c r="G1174" s="293"/>
      <c r="H1174" s="293"/>
      <c r="I1174" s="293"/>
      <c r="J1174" s="293"/>
      <c r="K1174" s="293"/>
      <c r="L1174" s="293"/>
      <c r="M1174" s="293"/>
      <c r="N1174" s="293"/>
      <c r="O1174" s="293"/>
      <c r="P1174" s="293"/>
      <c r="Q1174" s="293"/>
      <c r="R1174" s="293"/>
      <c r="S1174" s="293"/>
      <c r="T1174" s="293"/>
      <c r="U1174" s="293"/>
      <c r="V1174" s="293"/>
      <c r="W1174" s="293"/>
      <c r="X1174" s="293"/>
      <c r="Y1174" s="293"/>
      <c r="Z1174" s="293"/>
      <c r="AA1174" s="293"/>
      <c r="AB1174" s="293"/>
      <c r="AC1174" s="293"/>
      <c r="AD1174" s="293"/>
      <c r="AE1174" s="293"/>
      <c r="AF1174" s="293"/>
      <c r="AG1174" s="293"/>
      <c r="AH1174" s="293"/>
      <c r="AI1174" s="293"/>
      <c r="AJ1174" s="294"/>
      <c r="AK1174" s="298"/>
      <c r="AL1174" s="299"/>
    </row>
    <row r="1175" spans="1:38" s="102" customFormat="1" thickBot="1">
      <c r="A1175" s="100"/>
      <c r="B1175" s="203"/>
      <c r="C1175" s="295"/>
      <c r="D1175" s="296"/>
      <c r="E1175" s="296"/>
      <c r="F1175" s="296"/>
      <c r="G1175" s="296"/>
      <c r="H1175" s="296"/>
      <c r="I1175" s="296"/>
      <c r="J1175" s="296"/>
      <c r="K1175" s="296"/>
      <c r="L1175" s="296"/>
      <c r="M1175" s="296"/>
      <c r="N1175" s="296"/>
      <c r="O1175" s="296"/>
      <c r="P1175" s="296"/>
      <c r="Q1175" s="296"/>
      <c r="R1175" s="296"/>
      <c r="S1175" s="296"/>
      <c r="T1175" s="296"/>
      <c r="U1175" s="296"/>
      <c r="V1175" s="296"/>
      <c r="W1175" s="296"/>
      <c r="X1175" s="296"/>
      <c r="Y1175" s="296"/>
      <c r="Z1175" s="296"/>
      <c r="AA1175" s="296"/>
      <c r="AB1175" s="296"/>
      <c r="AC1175" s="296"/>
      <c r="AD1175" s="296"/>
      <c r="AE1175" s="296"/>
      <c r="AF1175" s="296"/>
      <c r="AG1175" s="296"/>
      <c r="AH1175" s="296"/>
      <c r="AI1175" s="296"/>
      <c r="AJ1175" s="297"/>
      <c r="AK1175" s="300"/>
      <c r="AL1175" s="301"/>
    </row>
    <row r="1176" spans="1:38" s="102" customFormat="1" thickTop="1">
      <c r="A1176" s="100"/>
      <c r="B1176" s="203"/>
      <c r="C1176" s="292" t="s">
        <v>698</v>
      </c>
      <c r="D1176" s="293"/>
      <c r="E1176" s="293"/>
      <c r="F1176" s="293"/>
      <c r="G1176" s="293"/>
      <c r="H1176" s="293"/>
      <c r="I1176" s="293"/>
      <c r="J1176" s="293"/>
      <c r="K1176" s="293"/>
      <c r="L1176" s="293"/>
      <c r="M1176" s="293"/>
      <c r="N1176" s="293"/>
      <c r="O1176" s="293"/>
      <c r="P1176" s="293"/>
      <c r="Q1176" s="293"/>
      <c r="R1176" s="293"/>
      <c r="S1176" s="293"/>
      <c r="T1176" s="293"/>
      <c r="U1176" s="293"/>
      <c r="V1176" s="293"/>
      <c r="W1176" s="293"/>
      <c r="X1176" s="293"/>
      <c r="Y1176" s="293"/>
      <c r="Z1176" s="293"/>
      <c r="AA1176" s="293"/>
      <c r="AB1176" s="293"/>
      <c r="AC1176" s="293"/>
      <c r="AD1176" s="293"/>
      <c r="AE1176" s="293"/>
      <c r="AF1176" s="293"/>
      <c r="AG1176" s="293"/>
      <c r="AH1176" s="293"/>
      <c r="AI1176" s="293"/>
      <c r="AJ1176" s="294"/>
      <c r="AK1176" s="533"/>
      <c r="AL1176" s="534"/>
    </row>
    <row r="1177" spans="1:38" s="102" customFormat="1" thickBot="1">
      <c r="A1177" s="100"/>
      <c r="B1177" s="203"/>
      <c r="C1177" s="497"/>
      <c r="D1177" s="498"/>
      <c r="E1177" s="498"/>
      <c r="F1177" s="498"/>
      <c r="G1177" s="498"/>
      <c r="H1177" s="498"/>
      <c r="I1177" s="498"/>
      <c r="J1177" s="498"/>
      <c r="K1177" s="498"/>
      <c r="L1177" s="498"/>
      <c r="M1177" s="498"/>
      <c r="N1177" s="498"/>
      <c r="O1177" s="498"/>
      <c r="P1177" s="498"/>
      <c r="Q1177" s="498"/>
      <c r="R1177" s="498"/>
      <c r="S1177" s="498"/>
      <c r="T1177" s="498"/>
      <c r="U1177" s="498"/>
      <c r="V1177" s="498"/>
      <c r="W1177" s="498"/>
      <c r="X1177" s="498"/>
      <c r="Y1177" s="498"/>
      <c r="Z1177" s="498"/>
      <c r="AA1177" s="498"/>
      <c r="AB1177" s="498"/>
      <c r="AC1177" s="498"/>
      <c r="AD1177" s="498"/>
      <c r="AE1177" s="498"/>
      <c r="AF1177" s="498"/>
      <c r="AG1177" s="498"/>
      <c r="AH1177" s="498"/>
      <c r="AI1177" s="498"/>
      <c r="AJ1177" s="499"/>
      <c r="AK1177" s="535"/>
      <c r="AL1177" s="536"/>
    </row>
    <row r="1178" spans="1:38" s="102" customFormat="1" ht="14" thickTop="1" thickBot="1">
      <c r="A1178" s="100"/>
      <c r="B1178" s="203"/>
      <c r="C1178" s="295"/>
      <c r="D1178" s="296"/>
      <c r="E1178" s="296"/>
      <c r="F1178" s="296"/>
      <c r="G1178" s="296"/>
      <c r="H1178" s="296"/>
      <c r="I1178" s="296"/>
      <c r="J1178" s="296"/>
      <c r="K1178" s="296"/>
      <c r="L1178" s="296"/>
      <c r="M1178" s="296"/>
      <c r="N1178" s="296"/>
      <c r="O1178" s="296"/>
      <c r="P1178" s="296"/>
      <c r="Q1178" s="296"/>
      <c r="R1178" s="296"/>
      <c r="S1178" s="296"/>
      <c r="T1178" s="296"/>
      <c r="U1178" s="296"/>
      <c r="V1178" s="296"/>
      <c r="W1178" s="296"/>
      <c r="X1178" s="296"/>
      <c r="Y1178" s="296"/>
      <c r="Z1178" s="296"/>
      <c r="AA1178" s="296"/>
      <c r="AB1178" s="296"/>
      <c r="AC1178" s="296"/>
      <c r="AD1178" s="296"/>
      <c r="AE1178" s="296"/>
      <c r="AF1178" s="296"/>
      <c r="AG1178" s="296"/>
      <c r="AH1178" s="296"/>
      <c r="AI1178" s="296"/>
      <c r="AJ1178" s="296"/>
      <c r="AK1178" s="205"/>
      <c r="AL1178" s="207"/>
    </row>
    <row r="1179" spans="1:38" s="102" customFormat="1" thickTop="1">
      <c r="A1179" s="100"/>
      <c r="B1179" s="203"/>
      <c r="C1179" s="292" t="s">
        <v>644</v>
      </c>
      <c r="D1179" s="293"/>
      <c r="E1179" s="293"/>
      <c r="F1179" s="293"/>
      <c r="G1179" s="293"/>
      <c r="H1179" s="293"/>
      <c r="I1179" s="293"/>
      <c r="J1179" s="293"/>
      <c r="K1179" s="293"/>
      <c r="L1179" s="293"/>
      <c r="M1179" s="293"/>
      <c r="N1179" s="293"/>
      <c r="O1179" s="293"/>
      <c r="P1179" s="293"/>
      <c r="Q1179" s="293"/>
      <c r="R1179" s="293"/>
      <c r="S1179" s="293"/>
      <c r="T1179" s="293"/>
      <c r="U1179" s="293"/>
      <c r="V1179" s="293"/>
      <c r="W1179" s="293"/>
      <c r="X1179" s="293"/>
      <c r="Y1179" s="293"/>
      <c r="Z1179" s="293"/>
      <c r="AA1179" s="293"/>
      <c r="AB1179" s="293"/>
      <c r="AC1179" s="293"/>
      <c r="AD1179" s="293"/>
      <c r="AE1179" s="293"/>
      <c r="AF1179" s="293"/>
      <c r="AG1179" s="293"/>
      <c r="AH1179" s="293"/>
      <c r="AI1179" s="293"/>
      <c r="AJ1179" s="294"/>
      <c r="AK1179" s="298"/>
      <c r="AL1179" s="299"/>
    </row>
    <row r="1180" spans="1:38" s="102" customFormat="1" thickBot="1">
      <c r="A1180" s="100"/>
      <c r="B1180" s="203"/>
      <c r="C1180" s="295"/>
      <c r="D1180" s="296"/>
      <c r="E1180" s="296"/>
      <c r="F1180" s="296"/>
      <c r="G1180" s="296"/>
      <c r="H1180" s="296"/>
      <c r="I1180" s="296"/>
      <c r="J1180" s="296"/>
      <c r="K1180" s="296"/>
      <c r="L1180" s="296"/>
      <c r="M1180" s="296"/>
      <c r="N1180" s="296"/>
      <c r="O1180" s="296"/>
      <c r="P1180" s="296"/>
      <c r="Q1180" s="296"/>
      <c r="R1180" s="296"/>
      <c r="S1180" s="296"/>
      <c r="T1180" s="296"/>
      <c r="U1180" s="296"/>
      <c r="V1180" s="296"/>
      <c r="W1180" s="296"/>
      <c r="X1180" s="296"/>
      <c r="Y1180" s="296"/>
      <c r="Z1180" s="296"/>
      <c r="AA1180" s="296"/>
      <c r="AB1180" s="296"/>
      <c r="AC1180" s="296"/>
      <c r="AD1180" s="296"/>
      <c r="AE1180" s="296"/>
      <c r="AF1180" s="296"/>
      <c r="AG1180" s="296"/>
      <c r="AH1180" s="296"/>
      <c r="AI1180" s="296"/>
      <c r="AJ1180" s="297"/>
      <c r="AK1180" s="300"/>
      <c r="AL1180" s="301"/>
    </row>
    <row r="1181" spans="1:38" s="102" customFormat="1" thickTop="1">
      <c r="A1181" s="100"/>
      <c r="B1181" s="203"/>
      <c r="C1181" s="292" t="s">
        <v>645</v>
      </c>
      <c r="D1181" s="293"/>
      <c r="E1181" s="293"/>
      <c r="F1181" s="293"/>
      <c r="G1181" s="293"/>
      <c r="H1181" s="293"/>
      <c r="I1181" s="293"/>
      <c r="J1181" s="293"/>
      <c r="K1181" s="293"/>
      <c r="L1181" s="293"/>
      <c r="M1181" s="293"/>
      <c r="N1181" s="293"/>
      <c r="O1181" s="293"/>
      <c r="P1181" s="293"/>
      <c r="Q1181" s="293"/>
      <c r="R1181" s="293"/>
      <c r="S1181" s="293"/>
      <c r="T1181" s="293"/>
      <c r="U1181" s="293"/>
      <c r="V1181" s="293"/>
      <c r="W1181" s="293"/>
      <c r="X1181" s="293"/>
      <c r="Y1181" s="293"/>
      <c r="Z1181" s="293"/>
      <c r="AA1181" s="293"/>
      <c r="AB1181" s="293"/>
      <c r="AC1181" s="293"/>
      <c r="AD1181" s="293"/>
      <c r="AE1181" s="293"/>
      <c r="AF1181" s="293"/>
      <c r="AG1181" s="293"/>
      <c r="AH1181" s="293"/>
      <c r="AI1181" s="293"/>
      <c r="AJ1181" s="294"/>
      <c r="AK1181" s="533"/>
      <c r="AL1181" s="534"/>
    </row>
    <row r="1182" spans="1:38" s="102" customFormat="1" thickBot="1">
      <c r="A1182" s="100"/>
      <c r="B1182" s="203"/>
      <c r="C1182" s="497"/>
      <c r="D1182" s="498"/>
      <c r="E1182" s="498"/>
      <c r="F1182" s="498"/>
      <c r="G1182" s="498"/>
      <c r="H1182" s="498"/>
      <c r="I1182" s="498"/>
      <c r="J1182" s="498"/>
      <c r="K1182" s="498"/>
      <c r="L1182" s="498"/>
      <c r="M1182" s="498"/>
      <c r="N1182" s="498"/>
      <c r="O1182" s="498"/>
      <c r="P1182" s="498"/>
      <c r="Q1182" s="498"/>
      <c r="R1182" s="498"/>
      <c r="S1182" s="498"/>
      <c r="T1182" s="498"/>
      <c r="U1182" s="498"/>
      <c r="V1182" s="498"/>
      <c r="W1182" s="498"/>
      <c r="X1182" s="498"/>
      <c r="Y1182" s="498"/>
      <c r="Z1182" s="498"/>
      <c r="AA1182" s="498"/>
      <c r="AB1182" s="498"/>
      <c r="AC1182" s="498"/>
      <c r="AD1182" s="498"/>
      <c r="AE1182" s="498"/>
      <c r="AF1182" s="498"/>
      <c r="AG1182" s="498"/>
      <c r="AH1182" s="498"/>
      <c r="AI1182" s="498"/>
      <c r="AJ1182" s="499"/>
      <c r="AK1182" s="535"/>
      <c r="AL1182" s="536"/>
    </row>
    <row r="1183" spans="1:38" s="102" customFormat="1" thickTop="1">
      <c r="A1183" s="100"/>
      <c r="B1183" s="203"/>
      <c r="C1183" s="497"/>
      <c r="D1183" s="498"/>
      <c r="E1183" s="498"/>
      <c r="F1183" s="498"/>
      <c r="G1183" s="498"/>
      <c r="H1183" s="498"/>
      <c r="I1183" s="498"/>
      <c r="J1183" s="498"/>
      <c r="K1183" s="498"/>
      <c r="L1183" s="498"/>
      <c r="M1183" s="498"/>
      <c r="N1183" s="498"/>
      <c r="O1183" s="498"/>
      <c r="P1183" s="498"/>
      <c r="Q1183" s="498"/>
      <c r="R1183" s="498"/>
      <c r="S1183" s="498"/>
      <c r="T1183" s="498"/>
      <c r="U1183" s="498"/>
      <c r="V1183" s="498"/>
      <c r="W1183" s="498"/>
      <c r="X1183" s="498"/>
      <c r="Y1183" s="498"/>
      <c r="Z1183" s="498"/>
      <c r="AA1183" s="498"/>
      <c r="AB1183" s="498"/>
      <c r="AC1183" s="498"/>
      <c r="AD1183" s="498"/>
      <c r="AE1183" s="498"/>
      <c r="AF1183" s="498"/>
      <c r="AG1183" s="498"/>
      <c r="AH1183" s="498"/>
      <c r="AI1183" s="498"/>
      <c r="AJ1183" s="498"/>
      <c r="AK1183" s="208"/>
      <c r="AL1183" s="209"/>
    </row>
    <row r="1184" spans="1:38" s="102" customFormat="1" ht="13">
      <c r="A1184" s="100"/>
      <c r="B1184" s="203"/>
      <c r="C1184" s="295"/>
      <c r="D1184" s="296"/>
      <c r="E1184" s="296"/>
      <c r="F1184" s="296"/>
      <c r="G1184" s="296"/>
      <c r="H1184" s="296"/>
      <c r="I1184" s="296"/>
      <c r="J1184" s="296"/>
      <c r="K1184" s="296"/>
      <c r="L1184" s="296"/>
      <c r="M1184" s="296"/>
      <c r="N1184" s="296"/>
      <c r="O1184" s="296"/>
      <c r="P1184" s="296"/>
      <c r="Q1184" s="296"/>
      <c r="R1184" s="296"/>
      <c r="S1184" s="296"/>
      <c r="T1184" s="296"/>
      <c r="U1184" s="296"/>
      <c r="V1184" s="296"/>
      <c r="W1184" s="296"/>
      <c r="X1184" s="296"/>
      <c r="Y1184" s="296"/>
      <c r="Z1184" s="296"/>
      <c r="AA1184" s="296"/>
      <c r="AB1184" s="296"/>
      <c r="AC1184" s="296"/>
      <c r="AD1184" s="296"/>
      <c r="AE1184" s="296"/>
      <c r="AF1184" s="296"/>
      <c r="AG1184" s="296"/>
      <c r="AH1184" s="296"/>
      <c r="AI1184" s="296"/>
      <c r="AJ1184" s="296"/>
      <c r="AK1184" s="210"/>
      <c r="AL1184" s="192"/>
    </row>
    <row r="1185" spans="1:38" s="102" customFormat="1" ht="13">
      <c r="A1185" s="100"/>
      <c r="B1185" s="100"/>
      <c r="C1185" s="191"/>
      <c r="D1185" s="191"/>
      <c r="E1185" s="191"/>
      <c r="F1185" s="191"/>
      <c r="G1185" s="191"/>
      <c r="H1185" s="191"/>
      <c r="I1185" s="191"/>
      <c r="J1185" s="191"/>
      <c r="K1185" s="191"/>
      <c r="L1185" s="191"/>
      <c r="M1185" s="191"/>
      <c r="N1185" s="191"/>
      <c r="O1185" s="191"/>
      <c r="P1185" s="191"/>
      <c r="Q1185" s="191"/>
      <c r="R1185" s="191"/>
      <c r="S1185" s="191"/>
      <c r="T1185" s="191"/>
      <c r="U1185" s="191"/>
      <c r="V1185" s="191"/>
      <c r="W1185" s="191"/>
      <c r="X1185" s="191"/>
      <c r="Y1185" s="191"/>
      <c r="Z1185" s="191"/>
      <c r="AA1185" s="191"/>
      <c r="AB1185" s="191"/>
      <c r="AC1185" s="191"/>
      <c r="AD1185" s="191"/>
      <c r="AE1185" s="191"/>
      <c r="AF1185" s="191"/>
      <c r="AG1185" s="191"/>
      <c r="AH1185" s="191"/>
      <c r="AI1185" s="191"/>
      <c r="AJ1185" s="191"/>
      <c r="AK1185" s="192"/>
      <c r="AL1185" s="192"/>
    </row>
    <row r="1186" spans="1:38" s="28" customFormat="1" ht="14">
      <c r="A1186" s="29"/>
      <c r="B1186" s="29"/>
      <c r="C1186" s="373" t="s">
        <v>300</v>
      </c>
      <c r="D1186" s="374"/>
      <c r="E1186" s="374"/>
      <c r="F1186" s="374"/>
      <c r="G1186" s="374"/>
      <c r="H1186" s="374"/>
      <c r="I1186" s="374"/>
      <c r="J1186" s="374"/>
      <c r="K1186" s="374"/>
      <c r="L1186" s="374"/>
      <c r="M1186" s="374"/>
      <c r="N1186" s="374"/>
      <c r="O1186" s="374"/>
      <c r="P1186" s="374"/>
      <c r="Q1186" s="374"/>
      <c r="R1186" s="374"/>
      <c r="S1186" s="374"/>
      <c r="T1186" s="374"/>
      <c r="U1186" s="374"/>
      <c r="V1186" s="374"/>
      <c r="W1186" s="374"/>
      <c r="X1186" s="374"/>
      <c r="Y1186" s="374"/>
      <c r="Z1186" s="374"/>
      <c r="AA1186" s="374"/>
      <c r="AB1186" s="374"/>
      <c r="AC1186" s="374"/>
      <c r="AD1186" s="374"/>
      <c r="AE1186" s="374"/>
      <c r="AF1186" s="374"/>
      <c r="AG1186" s="374"/>
      <c r="AH1186" s="374"/>
      <c r="AI1186" s="374"/>
      <c r="AJ1186" s="374"/>
      <c r="AK1186" s="45"/>
      <c r="AL1186" s="45"/>
    </row>
    <row r="1187" spans="1:38" s="28" customFormat="1" ht="14">
      <c r="A1187" s="29"/>
      <c r="B1187" s="29"/>
      <c r="C1187" s="42"/>
      <c r="D1187" s="35" t="s">
        <v>301</v>
      </c>
      <c r="E1187" s="373" t="s">
        <v>302</v>
      </c>
      <c r="F1187" s="374"/>
      <c r="G1187" s="374"/>
      <c r="H1187" s="374"/>
      <c r="I1187" s="374"/>
      <c r="J1187" s="374"/>
      <c r="K1187" s="374"/>
      <c r="L1187" s="374"/>
      <c r="M1187" s="374"/>
      <c r="N1187" s="374"/>
      <c r="O1187" s="374"/>
      <c r="P1187" s="374"/>
      <c r="Q1187" s="374"/>
      <c r="R1187" s="374"/>
      <c r="S1187" s="374"/>
      <c r="T1187" s="374"/>
      <c r="U1187" s="374"/>
      <c r="V1187" s="374"/>
      <c r="W1187" s="374"/>
      <c r="X1187" s="374"/>
      <c r="Y1187" s="374"/>
      <c r="Z1187" s="374"/>
      <c r="AA1187" s="374"/>
      <c r="AB1187" s="374"/>
      <c r="AC1187" s="374"/>
      <c r="AD1187" s="374"/>
      <c r="AE1187" s="374"/>
      <c r="AF1187" s="374"/>
      <c r="AG1187" s="374"/>
      <c r="AH1187" s="374"/>
      <c r="AI1187" s="374"/>
      <c r="AJ1187" s="374"/>
      <c r="AK1187" s="45"/>
      <c r="AL1187" s="45"/>
    </row>
    <row r="1188" spans="1:38" s="28" customFormat="1" ht="14">
      <c r="A1188" s="29"/>
      <c r="B1188" s="29"/>
      <c r="C1188" s="42"/>
      <c r="D1188" s="35" t="s">
        <v>303</v>
      </c>
      <c r="E1188" s="373" t="s">
        <v>304</v>
      </c>
      <c r="F1188" s="374"/>
      <c r="G1188" s="374"/>
      <c r="H1188" s="374"/>
      <c r="I1188" s="374"/>
      <c r="J1188" s="374"/>
      <c r="K1188" s="374"/>
      <c r="L1188" s="374"/>
      <c r="M1188" s="374"/>
      <c r="N1188" s="374"/>
      <c r="O1188" s="374"/>
      <c r="P1188" s="374"/>
      <c r="Q1188" s="374"/>
      <c r="R1188" s="374"/>
      <c r="S1188" s="374"/>
      <c r="T1188" s="374"/>
      <c r="U1188" s="374"/>
      <c r="V1188" s="374"/>
      <c r="W1188" s="374"/>
      <c r="X1188" s="374"/>
      <c r="Y1188" s="374"/>
      <c r="Z1188" s="374"/>
      <c r="AA1188" s="374"/>
      <c r="AB1188" s="374"/>
      <c r="AC1188" s="374"/>
      <c r="AD1188" s="374"/>
      <c r="AE1188" s="374"/>
      <c r="AF1188" s="374"/>
      <c r="AG1188" s="374"/>
      <c r="AH1188" s="374"/>
      <c r="AI1188" s="374"/>
      <c r="AJ1188" s="374"/>
      <c r="AK1188" s="45"/>
      <c r="AL1188" s="45"/>
    </row>
    <row r="1189" spans="1:38" s="28" customFormat="1" ht="14">
      <c r="A1189" s="29"/>
      <c r="B1189" s="29"/>
      <c r="C1189" s="42"/>
      <c r="D1189" s="35" t="s">
        <v>305</v>
      </c>
      <c r="E1189" s="373" t="s">
        <v>306</v>
      </c>
      <c r="F1189" s="374"/>
      <c r="G1189" s="374"/>
      <c r="H1189" s="374"/>
      <c r="I1189" s="374"/>
      <c r="J1189" s="374"/>
      <c r="K1189" s="374"/>
      <c r="L1189" s="374"/>
      <c r="M1189" s="374"/>
      <c r="N1189" s="374"/>
      <c r="O1189" s="374"/>
      <c r="P1189" s="374"/>
      <c r="Q1189" s="374"/>
      <c r="R1189" s="374"/>
      <c r="S1189" s="374"/>
      <c r="T1189" s="374"/>
      <c r="U1189" s="374"/>
      <c r="V1189" s="374"/>
      <c r="W1189" s="374"/>
      <c r="X1189" s="374"/>
      <c r="Y1189" s="374"/>
      <c r="Z1189" s="374"/>
      <c r="AA1189" s="374"/>
      <c r="AB1189" s="374"/>
      <c r="AC1189" s="374"/>
      <c r="AD1189" s="374"/>
      <c r="AE1189" s="374"/>
      <c r="AF1189" s="374"/>
      <c r="AG1189" s="374"/>
      <c r="AH1189" s="374"/>
      <c r="AI1189" s="374"/>
      <c r="AJ1189" s="374"/>
      <c r="AK1189" s="45"/>
      <c r="AL1189" s="45"/>
    </row>
    <row r="1190" spans="1:38" s="28" customFormat="1" ht="14">
      <c r="A1190" s="29"/>
      <c r="B1190" s="29"/>
      <c r="C1190" s="42"/>
      <c r="D1190" s="35" t="s">
        <v>307</v>
      </c>
      <c r="E1190" s="373" t="s">
        <v>308</v>
      </c>
      <c r="F1190" s="374"/>
      <c r="G1190" s="374"/>
      <c r="H1190" s="374"/>
      <c r="I1190" s="374"/>
      <c r="J1190" s="374"/>
      <c r="K1190" s="374"/>
      <c r="L1190" s="374"/>
      <c r="M1190" s="374"/>
      <c r="N1190" s="374"/>
      <c r="O1190" s="374"/>
      <c r="P1190" s="374"/>
      <c r="Q1190" s="374"/>
      <c r="R1190" s="374"/>
      <c r="S1190" s="374"/>
      <c r="T1190" s="374"/>
      <c r="U1190" s="374"/>
      <c r="V1190" s="374"/>
      <c r="W1190" s="374"/>
      <c r="X1190" s="374"/>
      <c r="Y1190" s="374"/>
      <c r="Z1190" s="374"/>
      <c r="AA1190" s="374"/>
      <c r="AB1190" s="374"/>
      <c r="AC1190" s="374"/>
      <c r="AD1190" s="374"/>
      <c r="AE1190" s="374"/>
      <c r="AF1190" s="374"/>
      <c r="AG1190" s="374"/>
      <c r="AH1190" s="374"/>
      <c r="AI1190" s="374"/>
      <c r="AJ1190" s="374"/>
      <c r="AK1190" s="45"/>
      <c r="AL1190" s="45"/>
    </row>
    <row r="1191" spans="1:38" s="28" customFormat="1" ht="14">
      <c r="A1191" s="29"/>
      <c r="B1191" s="29"/>
      <c r="C1191" s="42"/>
      <c r="D1191" s="35" t="s">
        <v>309</v>
      </c>
      <c r="E1191" s="373" t="s">
        <v>310</v>
      </c>
      <c r="F1191" s="374"/>
      <c r="G1191" s="374"/>
      <c r="H1191" s="374"/>
      <c r="I1191" s="374"/>
      <c r="J1191" s="374"/>
      <c r="K1191" s="374"/>
      <c r="L1191" s="374"/>
      <c r="M1191" s="374"/>
      <c r="N1191" s="374"/>
      <c r="O1191" s="374"/>
      <c r="P1191" s="374"/>
      <c r="Q1191" s="374"/>
      <c r="R1191" s="374"/>
      <c r="S1191" s="374"/>
      <c r="T1191" s="374"/>
      <c r="U1191" s="374"/>
      <c r="V1191" s="374"/>
      <c r="W1191" s="374"/>
      <c r="X1191" s="374"/>
      <c r="Y1191" s="374"/>
      <c r="Z1191" s="374"/>
      <c r="AA1191" s="374"/>
      <c r="AB1191" s="374"/>
      <c r="AC1191" s="374"/>
      <c r="AD1191" s="374"/>
      <c r="AE1191" s="374"/>
      <c r="AF1191" s="374"/>
      <c r="AG1191" s="374"/>
      <c r="AH1191" s="374"/>
      <c r="AI1191" s="374"/>
      <c r="AJ1191" s="374"/>
      <c r="AK1191" s="45"/>
      <c r="AL1191" s="45"/>
    </row>
    <row r="1192" spans="1:38" s="28" customFormat="1" ht="14">
      <c r="A1192" s="29"/>
      <c r="B1192" s="29"/>
      <c r="C1192" s="42"/>
      <c r="D1192" s="35" t="s">
        <v>311</v>
      </c>
      <c r="E1192" s="373" t="s">
        <v>312</v>
      </c>
      <c r="F1192" s="374"/>
      <c r="G1192" s="374"/>
      <c r="H1192" s="374"/>
      <c r="I1192" s="374"/>
      <c r="J1192" s="374"/>
      <c r="K1192" s="374"/>
      <c r="L1192" s="374"/>
      <c r="M1192" s="374"/>
      <c r="N1192" s="374"/>
      <c r="O1192" s="374"/>
      <c r="P1192" s="374"/>
      <c r="Q1192" s="374"/>
      <c r="R1192" s="374"/>
      <c r="S1192" s="374"/>
      <c r="T1192" s="374"/>
      <c r="U1192" s="374"/>
      <c r="V1192" s="374"/>
      <c r="W1192" s="374"/>
      <c r="X1192" s="374"/>
      <c r="Y1192" s="374"/>
      <c r="Z1192" s="374"/>
      <c r="AA1192" s="374"/>
      <c r="AB1192" s="374"/>
      <c r="AC1192" s="374"/>
      <c r="AD1192" s="374"/>
      <c r="AE1192" s="374"/>
      <c r="AF1192" s="374"/>
      <c r="AG1192" s="374"/>
      <c r="AH1192" s="374"/>
      <c r="AI1192" s="374"/>
      <c r="AJ1192" s="374"/>
      <c r="AK1192" s="45"/>
      <c r="AL1192" s="45"/>
    </row>
    <row r="1193" spans="1:38" s="28" customFormat="1" ht="13">
      <c r="A1193" s="29"/>
      <c r="B1193" s="29"/>
      <c r="C1193" s="42"/>
      <c r="D1193" s="42"/>
      <c r="E1193" s="42"/>
      <c r="F1193" s="42"/>
      <c r="G1193" s="42"/>
      <c r="H1193" s="42"/>
      <c r="I1193" s="42"/>
      <c r="J1193" s="42"/>
      <c r="K1193" s="42"/>
      <c r="L1193" s="42"/>
      <c r="M1193" s="42"/>
      <c r="N1193" s="42"/>
      <c r="O1193" s="42"/>
      <c r="P1193" s="42"/>
      <c r="Q1193" s="42"/>
      <c r="R1193" s="42"/>
      <c r="S1193" s="42"/>
      <c r="T1193" s="42"/>
      <c r="U1193" s="42"/>
      <c r="V1193" s="42"/>
      <c r="W1193" s="42"/>
      <c r="X1193" s="42"/>
      <c r="Y1193" s="42"/>
      <c r="Z1193" s="42"/>
      <c r="AA1193" s="42"/>
      <c r="AB1193" s="42"/>
      <c r="AC1193" s="42"/>
      <c r="AD1193" s="42"/>
      <c r="AE1193" s="42"/>
      <c r="AF1193" s="42"/>
      <c r="AG1193" s="42"/>
      <c r="AH1193" s="42"/>
      <c r="AI1193" s="42"/>
      <c r="AJ1193" s="42"/>
      <c r="AK1193" s="31"/>
      <c r="AL1193" s="31"/>
    </row>
    <row r="1194" spans="1:38" s="28" customFormat="1" ht="13.5" customHeight="1">
      <c r="C1194" s="28" t="s">
        <v>313</v>
      </c>
      <c r="D1194" s="570" t="s">
        <v>646</v>
      </c>
      <c r="E1194" s="571"/>
      <c r="F1194" s="571"/>
      <c r="G1194" s="571"/>
      <c r="H1194" s="571"/>
      <c r="I1194" s="571"/>
      <c r="J1194" s="571"/>
      <c r="K1194" s="571"/>
      <c r="L1194" s="571"/>
      <c r="M1194" s="571"/>
      <c r="N1194" s="571"/>
      <c r="O1194" s="571"/>
      <c r="P1194" s="571"/>
      <c r="Q1194" s="571"/>
      <c r="R1194" s="571"/>
      <c r="S1194" s="571"/>
      <c r="T1194" s="571"/>
      <c r="U1194" s="571"/>
      <c r="V1194" s="571"/>
      <c r="W1194" s="571"/>
      <c r="X1194" s="571"/>
      <c r="Y1194" s="571"/>
      <c r="Z1194" s="571"/>
      <c r="AA1194" s="571"/>
      <c r="AB1194" s="571"/>
      <c r="AC1194" s="571"/>
      <c r="AD1194" s="571"/>
      <c r="AE1194" s="571"/>
      <c r="AF1194" s="571"/>
      <c r="AG1194" s="571"/>
      <c r="AH1194" s="571"/>
      <c r="AI1194" s="571"/>
      <c r="AJ1194" s="572"/>
    </row>
    <row r="1195" spans="1:38" s="28" customFormat="1" ht="13.5" customHeight="1">
      <c r="C1195" s="32"/>
      <c r="D1195" s="573"/>
      <c r="E1195" s="574"/>
      <c r="F1195" s="574"/>
      <c r="G1195" s="574"/>
      <c r="H1195" s="574"/>
      <c r="I1195" s="574"/>
      <c r="J1195" s="574"/>
      <c r="K1195" s="574"/>
      <c r="L1195" s="574"/>
      <c r="M1195" s="574"/>
      <c r="N1195" s="574"/>
      <c r="O1195" s="574"/>
      <c r="P1195" s="574"/>
      <c r="Q1195" s="574"/>
      <c r="R1195" s="574"/>
      <c r="S1195" s="574"/>
      <c r="T1195" s="574"/>
      <c r="U1195" s="574"/>
      <c r="V1195" s="574"/>
      <c r="W1195" s="574"/>
      <c r="X1195" s="574"/>
      <c r="Y1195" s="574"/>
      <c r="Z1195" s="574"/>
      <c r="AA1195" s="574"/>
      <c r="AB1195" s="574"/>
      <c r="AC1195" s="574"/>
      <c r="AD1195" s="574"/>
      <c r="AE1195" s="574"/>
      <c r="AF1195" s="574"/>
      <c r="AG1195" s="574"/>
      <c r="AH1195" s="574"/>
      <c r="AI1195" s="574"/>
      <c r="AJ1195" s="575"/>
    </row>
    <row r="1196" spans="1:38" s="28" customFormat="1" ht="13.5" customHeight="1">
      <c r="D1196" s="573"/>
      <c r="E1196" s="574"/>
      <c r="F1196" s="574"/>
      <c r="G1196" s="574"/>
      <c r="H1196" s="574"/>
      <c r="I1196" s="574"/>
      <c r="J1196" s="574"/>
      <c r="K1196" s="574"/>
      <c r="L1196" s="574"/>
      <c r="M1196" s="574"/>
      <c r="N1196" s="574"/>
      <c r="O1196" s="574"/>
      <c r="P1196" s="574"/>
      <c r="Q1196" s="574"/>
      <c r="R1196" s="574"/>
      <c r="S1196" s="574"/>
      <c r="T1196" s="574"/>
      <c r="U1196" s="574"/>
      <c r="V1196" s="574"/>
      <c r="W1196" s="574"/>
      <c r="X1196" s="574"/>
      <c r="Y1196" s="574"/>
      <c r="Z1196" s="574"/>
      <c r="AA1196" s="574"/>
      <c r="AB1196" s="574"/>
      <c r="AC1196" s="574"/>
      <c r="AD1196" s="574"/>
      <c r="AE1196" s="574"/>
      <c r="AF1196" s="574"/>
      <c r="AG1196" s="574"/>
      <c r="AH1196" s="574"/>
      <c r="AI1196" s="574"/>
      <c r="AJ1196" s="575"/>
    </row>
    <row r="1197" spans="1:38" s="28" customFormat="1" ht="13.5" customHeight="1">
      <c r="D1197" s="576"/>
      <c r="E1197" s="577"/>
      <c r="F1197" s="577"/>
      <c r="G1197" s="577"/>
      <c r="H1197" s="577"/>
      <c r="I1197" s="577"/>
      <c r="J1197" s="577"/>
      <c r="K1197" s="577"/>
      <c r="L1197" s="577"/>
      <c r="M1197" s="577"/>
      <c r="N1197" s="577"/>
      <c r="O1197" s="577"/>
      <c r="P1197" s="577"/>
      <c r="Q1197" s="577"/>
      <c r="R1197" s="577"/>
      <c r="S1197" s="577"/>
      <c r="T1197" s="577"/>
      <c r="U1197" s="577"/>
      <c r="V1197" s="577"/>
      <c r="W1197" s="577"/>
      <c r="X1197" s="577"/>
      <c r="Y1197" s="577"/>
      <c r="Z1197" s="577"/>
      <c r="AA1197" s="577"/>
      <c r="AB1197" s="577"/>
      <c r="AC1197" s="577"/>
      <c r="AD1197" s="577"/>
      <c r="AE1197" s="577"/>
      <c r="AF1197" s="577"/>
      <c r="AG1197" s="577"/>
      <c r="AH1197" s="577"/>
      <c r="AI1197" s="577"/>
      <c r="AJ1197" s="578"/>
    </row>
    <row r="1198" spans="1:38" s="28" customFormat="1" ht="13.5" customHeight="1" thickBot="1">
      <c r="C1198" s="42"/>
      <c r="D1198" s="42"/>
      <c r="E1198" s="42"/>
      <c r="F1198" s="42"/>
      <c r="G1198" s="42"/>
      <c r="H1198" s="42"/>
      <c r="I1198" s="42"/>
      <c r="J1198" s="42"/>
      <c r="K1198" s="42"/>
      <c r="L1198" s="42"/>
      <c r="M1198" s="42"/>
      <c r="N1198" s="42"/>
      <c r="O1198" s="42"/>
      <c r="P1198" s="42"/>
      <c r="Q1198" s="42"/>
      <c r="R1198" s="42"/>
      <c r="S1198" s="42"/>
      <c r="T1198" s="42"/>
      <c r="U1198" s="42"/>
      <c r="V1198" s="42"/>
      <c r="W1198" s="42"/>
      <c r="X1198" s="42"/>
      <c r="Y1198" s="42"/>
      <c r="Z1198" s="42"/>
      <c r="AA1198" s="42"/>
      <c r="AB1198" s="42"/>
      <c r="AC1198" s="42"/>
      <c r="AD1198" s="42"/>
      <c r="AE1198" s="42"/>
      <c r="AF1198" s="42"/>
      <c r="AG1198" s="42"/>
      <c r="AH1198" s="42"/>
      <c r="AI1198" s="42"/>
      <c r="AJ1198" s="42"/>
      <c r="AK1198" s="29"/>
    </row>
    <row r="1199" spans="1:38" s="28" customFormat="1" ht="13.5" customHeight="1" thickTop="1">
      <c r="A1199" s="487">
        <v>121</v>
      </c>
      <c r="B1199" s="488"/>
      <c r="C1199" s="491" t="s">
        <v>594</v>
      </c>
      <c r="D1199" s="492"/>
      <c r="E1199" s="492"/>
      <c r="F1199" s="492"/>
      <c r="G1199" s="492"/>
      <c r="H1199" s="492"/>
      <c r="I1199" s="492"/>
      <c r="J1199" s="492"/>
      <c r="K1199" s="492"/>
      <c r="L1199" s="492"/>
      <c r="M1199" s="492"/>
      <c r="N1199" s="492"/>
      <c r="O1199" s="492"/>
      <c r="P1199" s="492"/>
      <c r="Q1199" s="492"/>
      <c r="R1199" s="492"/>
      <c r="S1199" s="492"/>
      <c r="T1199" s="492"/>
      <c r="U1199" s="492"/>
      <c r="V1199" s="492"/>
      <c r="W1199" s="492"/>
      <c r="X1199" s="492"/>
      <c r="Y1199" s="492"/>
      <c r="Z1199" s="492"/>
      <c r="AA1199" s="492"/>
      <c r="AB1199" s="492"/>
      <c r="AC1199" s="492"/>
      <c r="AD1199" s="492"/>
      <c r="AE1199" s="492"/>
      <c r="AF1199" s="492"/>
      <c r="AG1199" s="492"/>
      <c r="AH1199" s="492"/>
      <c r="AI1199" s="492"/>
      <c r="AJ1199" s="493"/>
      <c r="AK1199" s="257"/>
      <c r="AL1199" s="258"/>
    </row>
    <row r="1200" spans="1:38" s="28" customFormat="1" ht="13.5" customHeight="1" thickBot="1">
      <c r="A1200" s="489"/>
      <c r="B1200" s="490"/>
      <c r="C1200" s="494"/>
      <c r="D1200" s="495"/>
      <c r="E1200" s="495"/>
      <c r="F1200" s="495"/>
      <c r="G1200" s="495"/>
      <c r="H1200" s="495"/>
      <c r="I1200" s="495"/>
      <c r="J1200" s="495"/>
      <c r="K1200" s="495"/>
      <c r="L1200" s="495"/>
      <c r="M1200" s="495"/>
      <c r="N1200" s="495"/>
      <c r="O1200" s="495"/>
      <c r="P1200" s="495"/>
      <c r="Q1200" s="495"/>
      <c r="R1200" s="495"/>
      <c r="S1200" s="495"/>
      <c r="T1200" s="495"/>
      <c r="U1200" s="495"/>
      <c r="V1200" s="495"/>
      <c r="W1200" s="495"/>
      <c r="X1200" s="495"/>
      <c r="Y1200" s="495"/>
      <c r="Z1200" s="495"/>
      <c r="AA1200" s="495"/>
      <c r="AB1200" s="495"/>
      <c r="AC1200" s="495"/>
      <c r="AD1200" s="495"/>
      <c r="AE1200" s="495"/>
      <c r="AF1200" s="495"/>
      <c r="AG1200" s="495"/>
      <c r="AH1200" s="495"/>
      <c r="AI1200" s="495"/>
      <c r="AJ1200" s="496"/>
      <c r="AK1200" s="259"/>
      <c r="AL1200" s="260"/>
    </row>
    <row r="1201" spans="1:38" s="28" customFormat="1" ht="14" thickTop="1" thickBot="1"/>
    <row r="1202" spans="1:38" s="28" customFormat="1" thickTop="1">
      <c r="A1202" s="29"/>
      <c r="B1202" s="30"/>
      <c r="C1202" s="242" t="s">
        <v>314</v>
      </c>
      <c r="D1202" s="243"/>
      <c r="E1202" s="243"/>
      <c r="F1202" s="243"/>
      <c r="G1202" s="243"/>
      <c r="H1202" s="243"/>
      <c r="I1202" s="243"/>
      <c r="J1202" s="243"/>
      <c r="K1202" s="243"/>
      <c r="L1202" s="243"/>
      <c r="M1202" s="243"/>
      <c r="N1202" s="243"/>
      <c r="O1202" s="243"/>
      <c r="P1202" s="243"/>
      <c r="Q1202" s="243"/>
      <c r="R1202" s="243"/>
      <c r="S1202" s="243"/>
      <c r="T1202" s="243"/>
      <c r="U1202" s="243"/>
      <c r="V1202" s="243"/>
      <c r="W1202" s="243"/>
      <c r="X1202" s="243"/>
      <c r="Y1202" s="243"/>
      <c r="Z1202" s="243"/>
      <c r="AA1202" s="243"/>
      <c r="AB1202" s="243"/>
      <c r="AC1202" s="243"/>
      <c r="AD1202" s="243"/>
      <c r="AE1202" s="243"/>
      <c r="AF1202" s="243"/>
      <c r="AG1202" s="243"/>
      <c r="AH1202" s="243"/>
      <c r="AI1202" s="243"/>
      <c r="AJ1202" s="244"/>
      <c r="AK1202" s="257"/>
      <c r="AL1202" s="258"/>
    </row>
    <row r="1203" spans="1:38" s="28" customFormat="1" thickBot="1">
      <c r="A1203" s="29"/>
      <c r="B1203" s="30"/>
      <c r="C1203" s="245"/>
      <c r="D1203" s="246"/>
      <c r="E1203" s="246"/>
      <c r="F1203" s="246"/>
      <c r="G1203" s="246"/>
      <c r="H1203" s="246"/>
      <c r="I1203" s="246"/>
      <c r="J1203" s="246"/>
      <c r="K1203" s="246"/>
      <c r="L1203" s="246"/>
      <c r="M1203" s="246"/>
      <c r="N1203" s="246"/>
      <c r="O1203" s="246"/>
      <c r="P1203" s="246"/>
      <c r="Q1203" s="246"/>
      <c r="R1203" s="246"/>
      <c r="S1203" s="246"/>
      <c r="T1203" s="246"/>
      <c r="U1203" s="246"/>
      <c r="V1203" s="246"/>
      <c r="W1203" s="246"/>
      <c r="X1203" s="246"/>
      <c r="Y1203" s="246"/>
      <c r="Z1203" s="246"/>
      <c r="AA1203" s="246"/>
      <c r="AB1203" s="246"/>
      <c r="AC1203" s="246"/>
      <c r="AD1203" s="246"/>
      <c r="AE1203" s="246"/>
      <c r="AF1203" s="246"/>
      <c r="AG1203" s="246"/>
      <c r="AH1203" s="246"/>
      <c r="AI1203" s="246"/>
      <c r="AJ1203" s="247"/>
      <c r="AK1203" s="259"/>
      <c r="AL1203" s="260"/>
    </row>
    <row r="1204" spans="1:38" s="28" customFormat="1" thickTop="1">
      <c r="A1204" s="29"/>
      <c r="B1204" s="30"/>
      <c r="C1204" s="292" t="s">
        <v>315</v>
      </c>
      <c r="D1204" s="293"/>
      <c r="E1204" s="293"/>
      <c r="F1204" s="293"/>
      <c r="G1204" s="293"/>
      <c r="H1204" s="293"/>
      <c r="I1204" s="293"/>
      <c r="J1204" s="293"/>
      <c r="K1204" s="293"/>
      <c r="L1204" s="293"/>
      <c r="M1204" s="293"/>
      <c r="N1204" s="293"/>
      <c r="O1204" s="293"/>
      <c r="P1204" s="293"/>
      <c r="Q1204" s="293"/>
      <c r="R1204" s="293"/>
      <c r="S1204" s="293"/>
      <c r="T1204" s="293"/>
      <c r="U1204" s="293"/>
      <c r="V1204" s="293"/>
      <c r="W1204" s="293"/>
      <c r="X1204" s="293"/>
      <c r="Y1204" s="293"/>
      <c r="Z1204" s="293"/>
      <c r="AA1204" s="293"/>
      <c r="AB1204" s="293"/>
      <c r="AC1204" s="293"/>
      <c r="AD1204" s="293"/>
      <c r="AE1204" s="293"/>
      <c r="AF1204" s="293"/>
      <c r="AG1204" s="293"/>
      <c r="AH1204" s="293"/>
      <c r="AI1204" s="293"/>
      <c r="AJ1204" s="294"/>
      <c r="AK1204" s="257"/>
      <c r="AL1204" s="258"/>
    </row>
    <row r="1205" spans="1:38" s="28" customFormat="1" thickBot="1">
      <c r="A1205" s="29"/>
      <c r="B1205" s="30"/>
      <c r="C1205" s="295"/>
      <c r="D1205" s="296"/>
      <c r="E1205" s="296"/>
      <c r="F1205" s="296"/>
      <c r="G1205" s="296"/>
      <c r="H1205" s="296"/>
      <c r="I1205" s="296"/>
      <c r="J1205" s="296"/>
      <c r="K1205" s="296"/>
      <c r="L1205" s="296"/>
      <c r="M1205" s="296"/>
      <c r="N1205" s="296"/>
      <c r="O1205" s="296"/>
      <c r="P1205" s="296"/>
      <c r="Q1205" s="296"/>
      <c r="R1205" s="296"/>
      <c r="S1205" s="296"/>
      <c r="T1205" s="296"/>
      <c r="U1205" s="296"/>
      <c r="V1205" s="296"/>
      <c r="W1205" s="296"/>
      <c r="X1205" s="296"/>
      <c r="Y1205" s="296"/>
      <c r="Z1205" s="296"/>
      <c r="AA1205" s="296"/>
      <c r="AB1205" s="296"/>
      <c r="AC1205" s="296"/>
      <c r="AD1205" s="296"/>
      <c r="AE1205" s="296"/>
      <c r="AF1205" s="296"/>
      <c r="AG1205" s="296"/>
      <c r="AH1205" s="296"/>
      <c r="AI1205" s="296"/>
      <c r="AJ1205" s="297"/>
      <c r="AK1205" s="259"/>
      <c r="AL1205" s="260"/>
    </row>
    <row r="1206" spans="1:38" s="28" customFormat="1" thickTop="1">
      <c r="A1206" s="29"/>
      <c r="B1206" s="30"/>
      <c r="C1206" s="292" t="s">
        <v>680</v>
      </c>
      <c r="D1206" s="293"/>
      <c r="E1206" s="293"/>
      <c r="F1206" s="293"/>
      <c r="G1206" s="293"/>
      <c r="H1206" s="293"/>
      <c r="I1206" s="293"/>
      <c r="J1206" s="293"/>
      <c r="K1206" s="293"/>
      <c r="L1206" s="293"/>
      <c r="M1206" s="293"/>
      <c r="N1206" s="293"/>
      <c r="O1206" s="293"/>
      <c r="P1206" s="293"/>
      <c r="Q1206" s="293"/>
      <c r="R1206" s="293"/>
      <c r="S1206" s="293"/>
      <c r="T1206" s="293"/>
      <c r="U1206" s="293"/>
      <c r="V1206" s="293"/>
      <c r="W1206" s="293"/>
      <c r="X1206" s="293"/>
      <c r="Y1206" s="293"/>
      <c r="Z1206" s="293"/>
      <c r="AA1206" s="293"/>
      <c r="AB1206" s="293"/>
      <c r="AC1206" s="293"/>
      <c r="AD1206" s="293"/>
      <c r="AE1206" s="293"/>
      <c r="AF1206" s="293"/>
      <c r="AG1206" s="293"/>
      <c r="AH1206" s="293"/>
      <c r="AI1206" s="293"/>
      <c r="AJ1206" s="294"/>
      <c r="AK1206" s="257"/>
      <c r="AL1206" s="258"/>
    </row>
    <row r="1207" spans="1:38" s="28" customFormat="1" thickBot="1">
      <c r="A1207" s="29"/>
      <c r="B1207" s="30"/>
      <c r="C1207" s="295"/>
      <c r="D1207" s="296"/>
      <c r="E1207" s="296"/>
      <c r="F1207" s="296"/>
      <c r="G1207" s="296"/>
      <c r="H1207" s="296"/>
      <c r="I1207" s="296"/>
      <c r="J1207" s="296"/>
      <c r="K1207" s="296"/>
      <c r="L1207" s="296"/>
      <c r="M1207" s="296"/>
      <c r="N1207" s="296"/>
      <c r="O1207" s="296"/>
      <c r="P1207" s="296"/>
      <c r="Q1207" s="296"/>
      <c r="R1207" s="296"/>
      <c r="S1207" s="296"/>
      <c r="T1207" s="296"/>
      <c r="U1207" s="296"/>
      <c r="V1207" s="296"/>
      <c r="W1207" s="296"/>
      <c r="X1207" s="296"/>
      <c r="Y1207" s="296"/>
      <c r="Z1207" s="296"/>
      <c r="AA1207" s="296"/>
      <c r="AB1207" s="296"/>
      <c r="AC1207" s="296"/>
      <c r="AD1207" s="296"/>
      <c r="AE1207" s="296"/>
      <c r="AF1207" s="296"/>
      <c r="AG1207" s="296"/>
      <c r="AH1207" s="296"/>
      <c r="AI1207" s="296"/>
      <c r="AJ1207" s="297"/>
      <c r="AK1207" s="259"/>
      <c r="AL1207" s="260"/>
    </row>
    <row r="1208" spans="1:38" s="28" customFormat="1" thickTop="1">
      <c r="A1208" s="29"/>
      <c r="B1208" s="30"/>
      <c r="C1208" s="292" t="s">
        <v>316</v>
      </c>
      <c r="D1208" s="293"/>
      <c r="E1208" s="293"/>
      <c r="F1208" s="293"/>
      <c r="G1208" s="293"/>
      <c r="H1208" s="293"/>
      <c r="I1208" s="293"/>
      <c r="J1208" s="293"/>
      <c r="K1208" s="293"/>
      <c r="L1208" s="293"/>
      <c r="M1208" s="293"/>
      <c r="N1208" s="293"/>
      <c r="O1208" s="293"/>
      <c r="P1208" s="293"/>
      <c r="Q1208" s="293"/>
      <c r="R1208" s="293"/>
      <c r="S1208" s="293"/>
      <c r="T1208" s="293"/>
      <c r="U1208" s="293"/>
      <c r="V1208" s="293"/>
      <c r="W1208" s="293"/>
      <c r="X1208" s="293"/>
      <c r="Y1208" s="293"/>
      <c r="Z1208" s="293"/>
      <c r="AA1208" s="293"/>
      <c r="AB1208" s="293"/>
      <c r="AC1208" s="293"/>
      <c r="AD1208" s="293"/>
      <c r="AE1208" s="293"/>
      <c r="AF1208" s="293"/>
      <c r="AG1208" s="293"/>
      <c r="AH1208" s="293"/>
      <c r="AI1208" s="293"/>
      <c r="AJ1208" s="294"/>
      <c r="AK1208" s="257"/>
      <c r="AL1208" s="258"/>
    </row>
    <row r="1209" spans="1:38" s="28" customFormat="1" thickBot="1">
      <c r="A1209" s="29"/>
      <c r="B1209" s="30"/>
      <c r="C1209" s="295"/>
      <c r="D1209" s="296"/>
      <c r="E1209" s="296"/>
      <c r="F1209" s="296"/>
      <c r="G1209" s="296"/>
      <c r="H1209" s="296"/>
      <c r="I1209" s="296"/>
      <c r="J1209" s="296"/>
      <c r="K1209" s="296"/>
      <c r="L1209" s="296"/>
      <c r="M1209" s="296"/>
      <c r="N1209" s="296"/>
      <c r="O1209" s="296"/>
      <c r="P1209" s="296"/>
      <c r="Q1209" s="296"/>
      <c r="R1209" s="296"/>
      <c r="S1209" s="296"/>
      <c r="T1209" s="296"/>
      <c r="U1209" s="296"/>
      <c r="V1209" s="296"/>
      <c r="W1209" s="296"/>
      <c r="X1209" s="296"/>
      <c r="Y1209" s="296"/>
      <c r="Z1209" s="296"/>
      <c r="AA1209" s="296"/>
      <c r="AB1209" s="296"/>
      <c r="AC1209" s="296"/>
      <c r="AD1209" s="296"/>
      <c r="AE1209" s="296"/>
      <c r="AF1209" s="296"/>
      <c r="AG1209" s="296"/>
      <c r="AH1209" s="296"/>
      <c r="AI1209" s="296"/>
      <c r="AJ1209" s="297"/>
      <c r="AK1209" s="259"/>
      <c r="AL1209" s="260"/>
    </row>
    <row r="1210" spans="1:38" s="28" customFormat="1" thickTop="1">
      <c r="A1210" s="29"/>
      <c r="B1210" s="30"/>
      <c r="C1210" s="292" t="s">
        <v>647</v>
      </c>
      <c r="D1210" s="293"/>
      <c r="E1210" s="293"/>
      <c r="F1210" s="293"/>
      <c r="G1210" s="293"/>
      <c r="H1210" s="293"/>
      <c r="I1210" s="293"/>
      <c r="J1210" s="293"/>
      <c r="K1210" s="293"/>
      <c r="L1210" s="293"/>
      <c r="M1210" s="293"/>
      <c r="N1210" s="293"/>
      <c r="O1210" s="293"/>
      <c r="P1210" s="293"/>
      <c r="Q1210" s="293"/>
      <c r="R1210" s="293"/>
      <c r="S1210" s="293"/>
      <c r="T1210" s="293"/>
      <c r="U1210" s="293"/>
      <c r="V1210" s="293"/>
      <c r="W1210" s="293"/>
      <c r="X1210" s="293"/>
      <c r="Y1210" s="293"/>
      <c r="Z1210" s="293"/>
      <c r="AA1210" s="293"/>
      <c r="AB1210" s="293"/>
      <c r="AC1210" s="293"/>
      <c r="AD1210" s="293"/>
      <c r="AE1210" s="293"/>
      <c r="AF1210" s="293"/>
      <c r="AG1210" s="293"/>
      <c r="AH1210" s="293"/>
      <c r="AI1210" s="293"/>
      <c r="AJ1210" s="294"/>
      <c r="AK1210" s="257"/>
      <c r="AL1210" s="258"/>
    </row>
    <row r="1211" spans="1:38" s="28" customFormat="1" ht="9.5" customHeight="1" thickBot="1">
      <c r="A1211" s="29"/>
      <c r="B1211" s="30"/>
      <c r="C1211" s="295"/>
      <c r="D1211" s="296"/>
      <c r="E1211" s="296"/>
      <c r="F1211" s="296"/>
      <c r="G1211" s="296"/>
      <c r="H1211" s="296"/>
      <c r="I1211" s="296"/>
      <c r="J1211" s="296"/>
      <c r="K1211" s="296"/>
      <c r="L1211" s="296"/>
      <c r="M1211" s="296"/>
      <c r="N1211" s="296"/>
      <c r="O1211" s="296"/>
      <c r="P1211" s="296"/>
      <c r="Q1211" s="296"/>
      <c r="R1211" s="296"/>
      <c r="S1211" s="296"/>
      <c r="T1211" s="296"/>
      <c r="U1211" s="296"/>
      <c r="V1211" s="296"/>
      <c r="W1211" s="296"/>
      <c r="X1211" s="296"/>
      <c r="Y1211" s="296"/>
      <c r="Z1211" s="296"/>
      <c r="AA1211" s="296"/>
      <c r="AB1211" s="296"/>
      <c r="AC1211" s="296"/>
      <c r="AD1211" s="296"/>
      <c r="AE1211" s="296"/>
      <c r="AF1211" s="296"/>
      <c r="AG1211" s="296"/>
      <c r="AH1211" s="296"/>
      <c r="AI1211" s="296"/>
      <c r="AJ1211" s="297"/>
      <c r="AK1211" s="259"/>
      <c r="AL1211" s="260"/>
    </row>
    <row r="1212" spans="1:38" s="28" customFormat="1" ht="13.5" customHeight="1" thickTop="1" thickBot="1"/>
    <row r="1213" spans="1:38" ht="13.5" customHeight="1" thickTop="1">
      <c r="A1213" s="215">
        <v>122</v>
      </c>
      <c r="B1213" s="239"/>
      <c r="C1213" s="219" t="s">
        <v>595</v>
      </c>
      <c r="D1213" s="220"/>
      <c r="E1213" s="220"/>
      <c r="F1213" s="220"/>
      <c r="G1213" s="220"/>
      <c r="H1213" s="220"/>
      <c r="I1213" s="220"/>
      <c r="J1213" s="220"/>
      <c r="K1213" s="220"/>
      <c r="L1213" s="220"/>
      <c r="M1213" s="220"/>
      <c r="N1213" s="220"/>
      <c r="O1213" s="220"/>
      <c r="P1213" s="220"/>
      <c r="Q1213" s="220"/>
      <c r="R1213" s="220"/>
      <c r="S1213" s="220"/>
      <c r="T1213" s="220"/>
      <c r="U1213" s="220"/>
      <c r="V1213" s="220"/>
      <c r="W1213" s="220"/>
      <c r="X1213" s="220"/>
      <c r="Y1213" s="220"/>
      <c r="Z1213" s="220"/>
      <c r="AA1213" s="220"/>
      <c r="AB1213" s="220"/>
      <c r="AC1213" s="220"/>
      <c r="AD1213" s="220"/>
      <c r="AE1213" s="220"/>
      <c r="AF1213" s="220"/>
      <c r="AG1213" s="220"/>
      <c r="AH1213" s="220"/>
      <c r="AI1213" s="220"/>
      <c r="AJ1213" s="221"/>
      <c r="AK1213" s="227"/>
      <c r="AL1213" s="228"/>
    </row>
    <row r="1214" spans="1:38" ht="13.5" customHeight="1" thickBot="1">
      <c r="A1214" s="217"/>
      <c r="B1214" s="240"/>
      <c r="C1214" s="225"/>
      <c r="D1214" s="226"/>
      <c r="E1214" s="226"/>
      <c r="F1214" s="226"/>
      <c r="G1214" s="226"/>
      <c r="H1214" s="226"/>
      <c r="I1214" s="226"/>
      <c r="J1214" s="226"/>
      <c r="K1214" s="226"/>
      <c r="L1214" s="226"/>
      <c r="M1214" s="226"/>
      <c r="N1214" s="226"/>
      <c r="O1214" s="226"/>
      <c r="P1214" s="226"/>
      <c r="Q1214" s="226"/>
      <c r="R1214" s="226"/>
      <c r="S1214" s="226"/>
      <c r="T1214" s="226"/>
      <c r="U1214" s="226"/>
      <c r="V1214" s="226"/>
      <c r="W1214" s="226"/>
      <c r="X1214" s="226"/>
      <c r="Y1214" s="226"/>
      <c r="Z1214" s="226"/>
      <c r="AA1214" s="226"/>
      <c r="AB1214" s="226"/>
      <c r="AC1214" s="226"/>
      <c r="AD1214" s="226"/>
      <c r="AE1214" s="226"/>
      <c r="AF1214" s="226"/>
      <c r="AG1214" s="226"/>
      <c r="AH1214" s="226"/>
      <c r="AI1214" s="226"/>
      <c r="AJ1214" s="241"/>
      <c r="AK1214" s="229"/>
      <c r="AL1214" s="230"/>
    </row>
    <row r="1215" spans="1:38" ht="14" thickTop="1" thickBot="1"/>
    <row r="1216" spans="1:38" ht="13.5" customHeight="1" thickTop="1">
      <c r="A1216" s="215">
        <v>123</v>
      </c>
      <c r="B1216" s="239"/>
      <c r="C1216" s="219" t="s">
        <v>648</v>
      </c>
      <c r="D1216" s="220"/>
      <c r="E1216" s="220"/>
      <c r="F1216" s="220"/>
      <c r="G1216" s="220"/>
      <c r="H1216" s="220"/>
      <c r="I1216" s="220"/>
      <c r="J1216" s="220"/>
      <c r="K1216" s="220"/>
      <c r="L1216" s="220"/>
      <c r="M1216" s="220"/>
      <c r="N1216" s="220"/>
      <c r="O1216" s="220"/>
      <c r="P1216" s="220"/>
      <c r="Q1216" s="220"/>
      <c r="R1216" s="220"/>
      <c r="S1216" s="220"/>
      <c r="T1216" s="220"/>
      <c r="U1216" s="220"/>
      <c r="V1216" s="220"/>
      <c r="W1216" s="220"/>
      <c r="X1216" s="220"/>
      <c r="Y1216" s="220"/>
      <c r="Z1216" s="220"/>
      <c r="AA1216" s="220"/>
      <c r="AB1216" s="220"/>
      <c r="AC1216" s="220"/>
      <c r="AD1216" s="220"/>
      <c r="AE1216" s="220"/>
      <c r="AF1216" s="220"/>
      <c r="AG1216" s="220"/>
      <c r="AH1216" s="220"/>
      <c r="AI1216" s="220"/>
      <c r="AJ1216" s="221"/>
      <c r="AK1216" s="227"/>
      <c r="AL1216" s="228"/>
    </row>
    <row r="1217" spans="1:38" ht="13.5" customHeight="1" thickBot="1">
      <c r="A1217" s="217"/>
      <c r="B1217" s="240"/>
      <c r="C1217" s="222"/>
      <c r="D1217" s="223"/>
      <c r="E1217" s="223"/>
      <c r="F1217" s="223"/>
      <c r="G1217" s="223"/>
      <c r="H1217" s="223"/>
      <c r="I1217" s="223"/>
      <c r="J1217" s="223"/>
      <c r="K1217" s="223"/>
      <c r="L1217" s="223"/>
      <c r="M1217" s="223"/>
      <c r="N1217" s="223"/>
      <c r="O1217" s="223"/>
      <c r="P1217" s="223"/>
      <c r="Q1217" s="223"/>
      <c r="R1217" s="223"/>
      <c r="S1217" s="223"/>
      <c r="T1217" s="223"/>
      <c r="U1217" s="223"/>
      <c r="V1217" s="223"/>
      <c r="W1217" s="223"/>
      <c r="X1217" s="223"/>
      <c r="Y1217" s="223"/>
      <c r="Z1217" s="223"/>
      <c r="AA1217" s="223"/>
      <c r="AB1217" s="223"/>
      <c r="AC1217" s="223"/>
      <c r="AD1217" s="223"/>
      <c r="AE1217" s="223"/>
      <c r="AF1217" s="223"/>
      <c r="AG1217" s="223"/>
      <c r="AH1217" s="223"/>
      <c r="AI1217" s="223"/>
      <c r="AJ1217" s="224"/>
      <c r="AK1217" s="229"/>
      <c r="AL1217" s="230"/>
    </row>
    <row r="1218" spans="1:38" ht="13.5" customHeight="1" thickTop="1">
      <c r="A1218" s="48"/>
      <c r="B1218" s="48"/>
      <c r="C1218" s="225"/>
      <c r="D1218" s="226"/>
      <c r="E1218" s="226"/>
      <c r="F1218" s="226"/>
      <c r="G1218" s="226"/>
      <c r="H1218" s="226"/>
      <c r="I1218" s="226"/>
      <c r="J1218" s="226"/>
      <c r="K1218" s="226"/>
      <c r="L1218" s="226"/>
      <c r="M1218" s="226"/>
      <c r="N1218" s="226"/>
      <c r="O1218" s="226"/>
      <c r="P1218" s="226"/>
      <c r="Q1218" s="226"/>
      <c r="R1218" s="226"/>
      <c r="S1218" s="226"/>
      <c r="T1218" s="226"/>
      <c r="U1218" s="226"/>
      <c r="V1218" s="226"/>
      <c r="W1218" s="226"/>
      <c r="X1218" s="226"/>
      <c r="Y1218" s="226"/>
      <c r="Z1218" s="226"/>
      <c r="AA1218" s="226"/>
      <c r="AB1218" s="226"/>
      <c r="AC1218" s="226"/>
      <c r="AD1218" s="226"/>
      <c r="AE1218" s="226"/>
      <c r="AF1218" s="226"/>
      <c r="AG1218" s="226"/>
      <c r="AH1218" s="226"/>
      <c r="AI1218" s="226"/>
      <c r="AJ1218" s="226"/>
      <c r="AK1218" s="3"/>
      <c r="AL1218" s="44"/>
    </row>
    <row r="1219" spans="1:38" ht="13.5" customHeight="1">
      <c r="C1219" s="1" t="s">
        <v>59</v>
      </c>
      <c r="D1219" s="256" t="s">
        <v>349</v>
      </c>
      <c r="E1219" s="256"/>
      <c r="F1219" s="256"/>
      <c r="G1219" s="256"/>
      <c r="H1219" s="256"/>
      <c r="I1219" s="256"/>
      <c r="J1219" s="256"/>
      <c r="K1219" s="256"/>
      <c r="L1219" s="256"/>
      <c r="M1219" s="256"/>
      <c r="N1219" s="256"/>
      <c r="O1219" s="256"/>
      <c r="P1219" s="256"/>
      <c r="Q1219" s="256"/>
      <c r="R1219" s="256"/>
      <c r="S1219" s="256"/>
      <c r="T1219" s="256"/>
      <c r="U1219" s="256"/>
      <c r="V1219" s="256"/>
      <c r="W1219" s="256"/>
      <c r="X1219" s="256"/>
      <c r="Y1219" s="256"/>
      <c r="Z1219" s="256"/>
      <c r="AA1219" s="256"/>
      <c r="AB1219" s="256"/>
      <c r="AC1219" s="256"/>
      <c r="AD1219" s="256"/>
      <c r="AE1219" s="256"/>
      <c r="AF1219" s="256"/>
      <c r="AG1219" s="256"/>
      <c r="AH1219" s="256"/>
      <c r="AI1219" s="256"/>
      <c r="AJ1219" s="256"/>
    </row>
    <row r="1220" spans="1:38" ht="13.5" customHeight="1">
      <c r="C1220" s="1" t="s">
        <v>59</v>
      </c>
      <c r="D1220" s="255" t="s">
        <v>350</v>
      </c>
      <c r="E1220" s="255"/>
      <c r="F1220" s="255"/>
      <c r="G1220" s="255"/>
      <c r="H1220" s="255"/>
      <c r="I1220" s="255"/>
      <c r="J1220" s="255"/>
      <c r="K1220" s="255"/>
      <c r="L1220" s="255"/>
      <c r="M1220" s="255"/>
      <c r="N1220" s="255"/>
      <c r="O1220" s="255"/>
      <c r="P1220" s="255"/>
      <c r="Q1220" s="255"/>
      <c r="R1220" s="255"/>
      <c r="S1220" s="255"/>
      <c r="T1220" s="255"/>
      <c r="U1220" s="255"/>
      <c r="V1220" s="255"/>
      <c r="W1220" s="255"/>
      <c r="X1220" s="255"/>
      <c r="Y1220" s="255"/>
      <c r="Z1220" s="255"/>
      <c r="AA1220" s="255"/>
      <c r="AB1220" s="255"/>
      <c r="AC1220" s="255"/>
      <c r="AD1220" s="255"/>
      <c r="AE1220" s="255"/>
      <c r="AF1220" s="255"/>
      <c r="AG1220" s="255"/>
      <c r="AH1220" s="255"/>
      <c r="AI1220" s="255"/>
      <c r="AJ1220" s="255"/>
    </row>
    <row r="1221" spans="1:38" ht="13.5" customHeight="1">
      <c r="D1221" s="223"/>
      <c r="E1221" s="223"/>
      <c r="F1221" s="223"/>
      <c r="G1221" s="223"/>
      <c r="H1221" s="223"/>
      <c r="I1221" s="223"/>
      <c r="J1221" s="223"/>
      <c r="K1221" s="223"/>
      <c r="L1221" s="223"/>
      <c r="M1221" s="223"/>
      <c r="N1221" s="223"/>
      <c r="O1221" s="223"/>
      <c r="P1221" s="223"/>
      <c r="Q1221" s="223"/>
      <c r="R1221" s="223"/>
      <c r="S1221" s="223"/>
      <c r="T1221" s="223"/>
      <c r="U1221" s="223"/>
      <c r="V1221" s="223"/>
      <c r="W1221" s="223"/>
      <c r="X1221" s="223"/>
      <c r="Y1221" s="223"/>
      <c r="Z1221" s="223"/>
      <c r="AA1221" s="223"/>
      <c r="AB1221" s="223"/>
      <c r="AC1221" s="223"/>
      <c r="AD1221" s="223"/>
      <c r="AE1221" s="223"/>
      <c r="AF1221" s="223"/>
      <c r="AG1221" s="223"/>
      <c r="AH1221" s="223"/>
      <c r="AI1221" s="223"/>
      <c r="AJ1221" s="223"/>
    </row>
    <row r="1222" spans="1:38" ht="13.5" customHeight="1">
      <c r="C1222" s="1" t="s">
        <v>59</v>
      </c>
      <c r="D1222" s="255" t="s">
        <v>351</v>
      </c>
      <c r="E1222" s="255"/>
      <c r="F1222" s="255"/>
      <c r="G1222" s="255"/>
      <c r="H1222" s="255"/>
      <c r="I1222" s="255"/>
      <c r="J1222" s="255"/>
      <c r="K1222" s="255"/>
      <c r="L1222" s="255"/>
      <c r="M1222" s="255"/>
      <c r="N1222" s="255"/>
      <c r="O1222" s="255"/>
      <c r="P1222" s="255"/>
      <c r="Q1222" s="255"/>
      <c r="R1222" s="255"/>
      <c r="S1222" s="255"/>
      <c r="T1222" s="255"/>
      <c r="U1222" s="255"/>
      <c r="V1222" s="255"/>
      <c r="W1222" s="255"/>
      <c r="X1222" s="255"/>
      <c r="Y1222" s="255"/>
      <c r="Z1222" s="255"/>
      <c r="AA1222" s="255"/>
      <c r="AB1222" s="255"/>
      <c r="AC1222" s="255"/>
      <c r="AD1222" s="255"/>
      <c r="AE1222" s="255"/>
      <c r="AF1222" s="255"/>
      <c r="AG1222" s="255"/>
      <c r="AH1222" s="255"/>
      <c r="AI1222" s="255"/>
      <c r="AJ1222" s="255"/>
    </row>
    <row r="1223" spans="1:38" thickBot="1"/>
    <row r="1224" spans="1:38" thickTop="1">
      <c r="B1224" s="7"/>
      <c r="C1224" s="306" t="s">
        <v>678</v>
      </c>
      <c r="D1224" s="262"/>
      <c r="E1224" s="262"/>
      <c r="F1224" s="262"/>
      <c r="G1224" s="262"/>
      <c r="H1224" s="262"/>
      <c r="I1224" s="262"/>
      <c r="J1224" s="262"/>
      <c r="K1224" s="262"/>
      <c r="L1224" s="262"/>
      <c r="M1224" s="262"/>
      <c r="N1224" s="262"/>
      <c r="O1224" s="262"/>
      <c r="P1224" s="262"/>
      <c r="Q1224" s="262"/>
      <c r="R1224" s="262"/>
      <c r="S1224" s="262"/>
      <c r="T1224" s="262"/>
      <c r="U1224" s="262"/>
      <c r="V1224" s="262"/>
      <c r="W1224" s="262"/>
      <c r="X1224" s="262"/>
      <c r="Y1224" s="262"/>
      <c r="Z1224" s="262"/>
      <c r="AA1224" s="262"/>
      <c r="AB1224" s="262"/>
      <c r="AC1224" s="262"/>
      <c r="AD1224" s="262"/>
      <c r="AE1224" s="262"/>
      <c r="AF1224" s="262"/>
      <c r="AG1224" s="262"/>
      <c r="AH1224" s="262"/>
      <c r="AI1224" s="262"/>
      <c r="AJ1224" s="311"/>
      <c r="AK1224" s="227"/>
      <c r="AL1224" s="228"/>
    </row>
    <row r="1225" spans="1:38" thickBot="1">
      <c r="B1225" s="7"/>
      <c r="C1225" s="307"/>
      <c r="D1225" s="263"/>
      <c r="E1225" s="263"/>
      <c r="F1225" s="263"/>
      <c r="G1225" s="263"/>
      <c r="H1225" s="263"/>
      <c r="I1225" s="263"/>
      <c r="J1225" s="263"/>
      <c r="K1225" s="263"/>
      <c r="L1225" s="263"/>
      <c r="M1225" s="263"/>
      <c r="N1225" s="263"/>
      <c r="O1225" s="263"/>
      <c r="P1225" s="263"/>
      <c r="Q1225" s="263"/>
      <c r="R1225" s="263"/>
      <c r="S1225" s="263"/>
      <c r="T1225" s="263"/>
      <c r="U1225" s="263"/>
      <c r="V1225" s="263"/>
      <c r="W1225" s="263"/>
      <c r="X1225" s="263"/>
      <c r="Y1225" s="263"/>
      <c r="Z1225" s="263"/>
      <c r="AA1225" s="263"/>
      <c r="AB1225" s="263"/>
      <c r="AC1225" s="263"/>
      <c r="AD1225" s="263"/>
      <c r="AE1225" s="263"/>
      <c r="AF1225" s="263"/>
      <c r="AG1225" s="263"/>
      <c r="AH1225" s="263"/>
      <c r="AI1225" s="263"/>
      <c r="AJ1225" s="312"/>
      <c r="AK1225" s="229"/>
      <c r="AL1225" s="230"/>
    </row>
    <row r="1226" spans="1:38" ht="14" thickTop="1" thickBot="1">
      <c r="B1226" s="7"/>
      <c r="C1226" s="308"/>
      <c r="D1226" s="284"/>
      <c r="E1226" s="284"/>
      <c r="F1226" s="284"/>
      <c r="G1226" s="284"/>
      <c r="H1226" s="284"/>
      <c r="I1226" s="284"/>
      <c r="J1226" s="284"/>
      <c r="K1226" s="284"/>
      <c r="L1226" s="284"/>
      <c r="M1226" s="284"/>
      <c r="N1226" s="284"/>
      <c r="O1226" s="284"/>
      <c r="P1226" s="284"/>
      <c r="Q1226" s="284"/>
      <c r="R1226" s="284"/>
      <c r="S1226" s="284"/>
      <c r="T1226" s="284"/>
      <c r="U1226" s="284"/>
      <c r="V1226" s="284"/>
      <c r="W1226" s="284"/>
      <c r="X1226" s="284"/>
      <c r="Y1226" s="284"/>
      <c r="Z1226" s="284"/>
      <c r="AA1226" s="284"/>
      <c r="AB1226" s="284"/>
      <c r="AC1226" s="284"/>
      <c r="AD1226" s="284"/>
      <c r="AE1226" s="284"/>
      <c r="AF1226" s="284"/>
      <c r="AG1226" s="284"/>
      <c r="AH1226" s="284"/>
      <c r="AI1226" s="284"/>
      <c r="AJ1226" s="284"/>
      <c r="AK1226" s="15"/>
      <c r="AL1226" s="16"/>
    </row>
    <row r="1227" spans="1:38" thickTop="1">
      <c r="B1227" s="7"/>
      <c r="C1227" s="285" t="s">
        <v>679</v>
      </c>
      <c r="D1227" s="286"/>
      <c r="E1227" s="286"/>
      <c r="F1227" s="286"/>
      <c r="G1227" s="286"/>
      <c r="H1227" s="286"/>
      <c r="I1227" s="286"/>
      <c r="J1227" s="286"/>
      <c r="K1227" s="286"/>
      <c r="L1227" s="286"/>
      <c r="M1227" s="286"/>
      <c r="N1227" s="286"/>
      <c r="O1227" s="286"/>
      <c r="P1227" s="286"/>
      <c r="Q1227" s="286"/>
      <c r="R1227" s="286"/>
      <c r="S1227" s="286"/>
      <c r="T1227" s="286"/>
      <c r="U1227" s="286"/>
      <c r="V1227" s="286"/>
      <c r="W1227" s="286"/>
      <c r="X1227" s="286"/>
      <c r="Y1227" s="286"/>
      <c r="Z1227" s="286"/>
      <c r="AA1227" s="286"/>
      <c r="AB1227" s="286"/>
      <c r="AC1227" s="286"/>
      <c r="AD1227" s="286"/>
      <c r="AE1227" s="286"/>
      <c r="AF1227" s="286"/>
      <c r="AG1227" s="286"/>
      <c r="AH1227" s="286"/>
      <c r="AI1227" s="286"/>
      <c r="AJ1227" s="286"/>
      <c r="AK1227" s="551"/>
      <c r="AL1227" s="552"/>
    </row>
    <row r="1228" spans="1:38" thickBot="1">
      <c r="B1228" s="7"/>
      <c r="C1228" s="288"/>
      <c r="D1228" s="289"/>
      <c r="E1228" s="289"/>
      <c r="F1228" s="289"/>
      <c r="G1228" s="289"/>
      <c r="H1228" s="289"/>
      <c r="I1228" s="289"/>
      <c r="J1228" s="289"/>
      <c r="K1228" s="289"/>
      <c r="L1228" s="289"/>
      <c r="M1228" s="289"/>
      <c r="N1228" s="289"/>
      <c r="O1228" s="289"/>
      <c r="P1228" s="289"/>
      <c r="Q1228" s="289"/>
      <c r="R1228" s="289"/>
      <c r="S1228" s="289"/>
      <c r="T1228" s="289"/>
      <c r="U1228" s="289"/>
      <c r="V1228" s="289"/>
      <c r="W1228" s="289"/>
      <c r="X1228" s="289"/>
      <c r="Y1228" s="289"/>
      <c r="Z1228" s="289"/>
      <c r="AA1228" s="289"/>
      <c r="AB1228" s="289"/>
      <c r="AC1228" s="289"/>
      <c r="AD1228" s="289"/>
      <c r="AE1228" s="289"/>
      <c r="AF1228" s="289"/>
      <c r="AG1228" s="289"/>
      <c r="AH1228" s="289"/>
      <c r="AI1228" s="289"/>
      <c r="AJ1228" s="289"/>
      <c r="AK1228" s="553"/>
      <c r="AL1228" s="554"/>
    </row>
    <row r="1229" spans="1:38" thickTop="1">
      <c r="B1229" s="7"/>
      <c r="C1229" s="306" t="s">
        <v>442</v>
      </c>
      <c r="D1229" s="262"/>
      <c r="E1229" s="262"/>
      <c r="F1229" s="262"/>
      <c r="G1229" s="262"/>
      <c r="H1229" s="262"/>
      <c r="I1229" s="262"/>
      <c r="J1229" s="262"/>
      <c r="K1229" s="262"/>
      <c r="L1229" s="262"/>
      <c r="M1229" s="262"/>
      <c r="N1229" s="262"/>
      <c r="O1229" s="262"/>
      <c r="P1229" s="262"/>
      <c r="Q1229" s="262"/>
      <c r="R1229" s="262"/>
      <c r="S1229" s="262"/>
      <c r="T1229" s="262"/>
      <c r="U1229" s="262"/>
      <c r="V1229" s="262"/>
      <c r="W1229" s="262"/>
      <c r="X1229" s="262"/>
      <c r="Y1229" s="262"/>
      <c r="Z1229" s="262"/>
      <c r="AA1229" s="262"/>
      <c r="AB1229" s="262"/>
      <c r="AC1229" s="262"/>
      <c r="AD1229" s="262"/>
      <c r="AE1229" s="262"/>
      <c r="AF1229" s="262"/>
      <c r="AG1229" s="262"/>
      <c r="AH1229" s="262"/>
      <c r="AI1229" s="262"/>
      <c r="AJ1229" s="311"/>
      <c r="AK1229" s="227"/>
      <c r="AL1229" s="228"/>
    </row>
    <row r="1230" spans="1:38" thickBot="1">
      <c r="B1230" s="7"/>
      <c r="C1230" s="308"/>
      <c r="D1230" s="284"/>
      <c r="E1230" s="284"/>
      <c r="F1230" s="284"/>
      <c r="G1230" s="284"/>
      <c r="H1230" s="284"/>
      <c r="I1230" s="284"/>
      <c r="J1230" s="284"/>
      <c r="K1230" s="284"/>
      <c r="L1230" s="284"/>
      <c r="M1230" s="284"/>
      <c r="N1230" s="284"/>
      <c r="O1230" s="284"/>
      <c r="P1230" s="284"/>
      <c r="Q1230" s="284"/>
      <c r="R1230" s="284"/>
      <c r="S1230" s="284"/>
      <c r="T1230" s="284"/>
      <c r="U1230" s="284"/>
      <c r="V1230" s="284"/>
      <c r="W1230" s="284"/>
      <c r="X1230" s="284"/>
      <c r="Y1230" s="284"/>
      <c r="Z1230" s="284"/>
      <c r="AA1230" s="284"/>
      <c r="AB1230" s="284"/>
      <c r="AC1230" s="284"/>
      <c r="AD1230" s="284"/>
      <c r="AE1230" s="284"/>
      <c r="AF1230" s="284"/>
      <c r="AG1230" s="284"/>
      <c r="AH1230" s="284"/>
      <c r="AI1230" s="284"/>
      <c r="AJ1230" s="321"/>
      <c r="AK1230" s="229"/>
      <c r="AL1230" s="230"/>
    </row>
    <row r="1231" spans="1:38" thickTop="1">
      <c r="B1231" s="7"/>
      <c r="C1231" s="306" t="s">
        <v>443</v>
      </c>
      <c r="D1231" s="262"/>
      <c r="E1231" s="262"/>
      <c r="F1231" s="262"/>
      <c r="G1231" s="262"/>
      <c r="H1231" s="262"/>
      <c r="I1231" s="262"/>
      <c r="J1231" s="262"/>
      <c r="K1231" s="262"/>
      <c r="L1231" s="262"/>
      <c r="M1231" s="262"/>
      <c r="N1231" s="262"/>
      <c r="O1231" s="262"/>
      <c r="P1231" s="262"/>
      <c r="Q1231" s="262"/>
      <c r="R1231" s="262"/>
      <c r="S1231" s="262"/>
      <c r="T1231" s="262"/>
      <c r="U1231" s="262"/>
      <c r="V1231" s="262"/>
      <c r="W1231" s="262"/>
      <c r="X1231" s="262"/>
      <c r="Y1231" s="262"/>
      <c r="Z1231" s="262"/>
      <c r="AA1231" s="262"/>
      <c r="AB1231" s="262"/>
      <c r="AC1231" s="262"/>
      <c r="AD1231" s="262"/>
      <c r="AE1231" s="262"/>
      <c r="AF1231" s="262"/>
      <c r="AG1231" s="262"/>
      <c r="AH1231" s="262"/>
      <c r="AI1231" s="262"/>
      <c r="AJ1231" s="311"/>
      <c r="AK1231" s="227"/>
      <c r="AL1231" s="228"/>
    </row>
    <row r="1232" spans="1:38" thickBot="1">
      <c r="B1232" s="7"/>
      <c r="C1232" s="308"/>
      <c r="D1232" s="284"/>
      <c r="E1232" s="284"/>
      <c r="F1232" s="284"/>
      <c r="G1232" s="284"/>
      <c r="H1232" s="284"/>
      <c r="I1232" s="284"/>
      <c r="J1232" s="284"/>
      <c r="K1232" s="284"/>
      <c r="L1232" s="284"/>
      <c r="M1232" s="284"/>
      <c r="N1232" s="284"/>
      <c r="O1232" s="284"/>
      <c r="P1232" s="284"/>
      <c r="Q1232" s="284"/>
      <c r="R1232" s="284"/>
      <c r="S1232" s="284"/>
      <c r="T1232" s="284"/>
      <c r="U1232" s="284"/>
      <c r="V1232" s="284"/>
      <c r="W1232" s="284"/>
      <c r="X1232" s="284"/>
      <c r="Y1232" s="284"/>
      <c r="Z1232" s="284"/>
      <c r="AA1232" s="284"/>
      <c r="AB1232" s="284"/>
      <c r="AC1232" s="284"/>
      <c r="AD1232" s="284"/>
      <c r="AE1232" s="284"/>
      <c r="AF1232" s="284"/>
      <c r="AG1232" s="284"/>
      <c r="AH1232" s="284"/>
      <c r="AI1232" s="284"/>
      <c r="AJ1232" s="321"/>
      <c r="AK1232" s="229"/>
      <c r="AL1232" s="230"/>
    </row>
    <row r="1233" spans="1:38" thickTop="1">
      <c r="B1233" s="7"/>
      <c r="C1233" s="231" t="s">
        <v>444</v>
      </c>
      <c r="D1233" s="232"/>
      <c r="E1233" s="232"/>
      <c r="F1233" s="232"/>
      <c r="G1233" s="232"/>
      <c r="H1233" s="232"/>
      <c r="I1233" s="232"/>
      <c r="J1233" s="232"/>
      <c r="K1233" s="232"/>
      <c r="L1233" s="232"/>
      <c r="M1233" s="232"/>
      <c r="N1233" s="232"/>
      <c r="O1233" s="232"/>
      <c r="P1233" s="232"/>
      <c r="Q1233" s="232"/>
      <c r="R1233" s="232"/>
      <c r="S1233" s="232"/>
      <c r="T1233" s="232"/>
      <c r="U1233" s="232"/>
      <c r="V1233" s="232"/>
      <c r="W1233" s="232"/>
      <c r="X1233" s="232"/>
      <c r="Y1233" s="232"/>
      <c r="Z1233" s="232"/>
      <c r="AA1233" s="232"/>
      <c r="AB1233" s="232"/>
      <c r="AC1233" s="232"/>
      <c r="AD1233" s="232"/>
      <c r="AE1233" s="232"/>
      <c r="AF1233" s="232"/>
      <c r="AG1233" s="232"/>
      <c r="AH1233" s="232"/>
      <c r="AI1233" s="232"/>
      <c r="AJ1233" s="233"/>
      <c r="AK1233" s="227"/>
      <c r="AL1233" s="228"/>
    </row>
    <row r="1234" spans="1:38" thickBot="1">
      <c r="B1234" s="7"/>
      <c r="C1234" s="234"/>
      <c r="D1234" s="235"/>
      <c r="E1234" s="235"/>
      <c r="F1234" s="235"/>
      <c r="G1234" s="235"/>
      <c r="H1234" s="235"/>
      <c r="I1234" s="235"/>
      <c r="J1234" s="235"/>
      <c r="K1234" s="235"/>
      <c r="L1234" s="235"/>
      <c r="M1234" s="235"/>
      <c r="N1234" s="235"/>
      <c r="O1234" s="235"/>
      <c r="P1234" s="235"/>
      <c r="Q1234" s="235"/>
      <c r="R1234" s="235"/>
      <c r="S1234" s="235"/>
      <c r="T1234" s="235"/>
      <c r="U1234" s="235"/>
      <c r="V1234" s="235"/>
      <c r="W1234" s="235"/>
      <c r="X1234" s="235"/>
      <c r="Y1234" s="235"/>
      <c r="Z1234" s="235"/>
      <c r="AA1234" s="235"/>
      <c r="AB1234" s="235"/>
      <c r="AC1234" s="235"/>
      <c r="AD1234" s="235"/>
      <c r="AE1234" s="235"/>
      <c r="AF1234" s="235"/>
      <c r="AG1234" s="235"/>
      <c r="AH1234" s="235"/>
      <c r="AI1234" s="235"/>
      <c r="AJ1234" s="236"/>
      <c r="AK1234" s="229"/>
      <c r="AL1234" s="230"/>
    </row>
    <row r="1235" spans="1:38" thickTop="1">
      <c r="B1235" s="7"/>
      <c r="C1235" s="231" t="s">
        <v>445</v>
      </c>
      <c r="D1235" s="232"/>
      <c r="E1235" s="232"/>
      <c r="F1235" s="232"/>
      <c r="G1235" s="232"/>
      <c r="H1235" s="232"/>
      <c r="I1235" s="232"/>
      <c r="J1235" s="232"/>
      <c r="K1235" s="232"/>
      <c r="L1235" s="232"/>
      <c r="M1235" s="232"/>
      <c r="N1235" s="232"/>
      <c r="O1235" s="232"/>
      <c r="P1235" s="232"/>
      <c r="Q1235" s="232"/>
      <c r="R1235" s="232"/>
      <c r="S1235" s="232"/>
      <c r="T1235" s="232"/>
      <c r="U1235" s="232"/>
      <c r="V1235" s="232"/>
      <c r="W1235" s="232"/>
      <c r="X1235" s="232"/>
      <c r="Y1235" s="232"/>
      <c r="Z1235" s="232"/>
      <c r="AA1235" s="232"/>
      <c r="AB1235" s="232"/>
      <c r="AC1235" s="232"/>
      <c r="AD1235" s="232"/>
      <c r="AE1235" s="232"/>
      <c r="AF1235" s="232"/>
      <c r="AG1235" s="232"/>
      <c r="AH1235" s="232"/>
      <c r="AI1235" s="232"/>
      <c r="AJ1235" s="233"/>
      <c r="AK1235" s="227"/>
      <c r="AL1235" s="228"/>
    </row>
    <row r="1236" spans="1:38" thickBot="1">
      <c r="B1236" s="7"/>
      <c r="C1236" s="322"/>
      <c r="D1236" s="223"/>
      <c r="E1236" s="223"/>
      <c r="F1236" s="223"/>
      <c r="G1236" s="223"/>
      <c r="H1236" s="223"/>
      <c r="I1236" s="223"/>
      <c r="J1236" s="223"/>
      <c r="K1236" s="223"/>
      <c r="L1236" s="223"/>
      <c r="M1236" s="223"/>
      <c r="N1236" s="223"/>
      <c r="O1236" s="223"/>
      <c r="P1236" s="223"/>
      <c r="Q1236" s="223"/>
      <c r="R1236" s="223"/>
      <c r="S1236" s="223"/>
      <c r="T1236" s="223"/>
      <c r="U1236" s="223"/>
      <c r="V1236" s="223"/>
      <c r="W1236" s="223"/>
      <c r="X1236" s="223"/>
      <c r="Y1236" s="223"/>
      <c r="Z1236" s="223"/>
      <c r="AA1236" s="223"/>
      <c r="AB1236" s="223"/>
      <c r="AC1236" s="223"/>
      <c r="AD1236" s="223"/>
      <c r="AE1236" s="223"/>
      <c r="AF1236" s="223"/>
      <c r="AG1236" s="223"/>
      <c r="AH1236" s="223"/>
      <c r="AI1236" s="223"/>
      <c r="AJ1236" s="224"/>
      <c r="AK1236" s="229"/>
      <c r="AL1236" s="230"/>
    </row>
    <row r="1237" spans="1:38" ht="14" thickTop="1" thickBot="1">
      <c r="B1237" s="7"/>
      <c r="C1237" s="234"/>
      <c r="D1237" s="235"/>
      <c r="E1237" s="235"/>
      <c r="F1237" s="235"/>
      <c r="G1237" s="235"/>
      <c r="H1237" s="235"/>
      <c r="I1237" s="235"/>
      <c r="J1237" s="235"/>
      <c r="K1237" s="235"/>
      <c r="L1237" s="235"/>
      <c r="M1237" s="235"/>
      <c r="N1237" s="235"/>
      <c r="O1237" s="235"/>
      <c r="P1237" s="235"/>
      <c r="Q1237" s="235"/>
      <c r="R1237" s="235"/>
      <c r="S1237" s="235"/>
      <c r="T1237" s="235"/>
      <c r="U1237" s="235"/>
      <c r="V1237" s="235"/>
      <c r="W1237" s="235"/>
      <c r="X1237" s="235"/>
      <c r="Y1237" s="235"/>
      <c r="Z1237" s="235"/>
      <c r="AA1237" s="235"/>
      <c r="AB1237" s="235"/>
      <c r="AC1237" s="235"/>
      <c r="AD1237" s="235"/>
      <c r="AE1237" s="235"/>
      <c r="AF1237" s="235"/>
      <c r="AG1237" s="235"/>
      <c r="AH1237" s="235"/>
      <c r="AI1237" s="235"/>
      <c r="AJ1237" s="235"/>
      <c r="AK1237" s="15"/>
      <c r="AL1237" s="16"/>
    </row>
    <row r="1238" spans="1:38" thickTop="1">
      <c r="B1238" s="7"/>
      <c r="C1238" s="231" t="s">
        <v>446</v>
      </c>
      <c r="D1238" s="232"/>
      <c r="E1238" s="232"/>
      <c r="F1238" s="232"/>
      <c r="G1238" s="232"/>
      <c r="H1238" s="232"/>
      <c r="I1238" s="232"/>
      <c r="J1238" s="232"/>
      <c r="K1238" s="232"/>
      <c r="L1238" s="232"/>
      <c r="M1238" s="232"/>
      <c r="N1238" s="232"/>
      <c r="O1238" s="232"/>
      <c r="P1238" s="232"/>
      <c r="Q1238" s="232"/>
      <c r="R1238" s="232"/>
      <c r="S1238" s="232"/>
      <c r="T1238" s="232"/>
      <c r="U1238" s="232"/>
      <c r="V1238" s="232"/>
      <c r="W1238" s="232"/>
      <c r="X1238" s="232"/>
      <c r="Y1238" s="232"/>
      <c r="Z1238" s="232"/>
      <c r="AA1238" s="232"/>
      <c r="AB1238" s="232"/>
      <c r="AC1238" s="232"/>
      <c r="AD1238" s="232"/>
      <c r="AE1238" s="232"/>
      <c r="AF1238" s="232"/>
      <c r="AG1238" s="232"/>
      <c r="AH1238" s="232"/>
      <c r="AI1238" s="232"/>
      <c r="AJ1238" s="233"/>
      <c r="AK1238" s="227"/>
      <c r="AL1238" s="228"/>
    </row>
    <row r="1239" spans="1:38" thickBot="1">
      <c r="B1239" s="7"/>
      <c r="C1239" s="234"/>
      <c r="D1239" s="235"/>
      <c r="E1239" s="235"/>
      <c r="F1239" s="235"/>
      <c r="G1239" s="235"/>
      <c r="H1239" s="235"/>
      <c r="I1239" s="235"/>
      <c r="J1239" s="235"/>
      <c r="K1239" s="235"/>
      <c r="L1239" s="235"/>
      <c r="M1239" s="235"/>
      <c r="N1239" s="235"/>
      <c r="O1239" s="235"/>
      <c r="P1239" s="235"/>
      <c r="Q1239" s="235"/>
      <c r="R1239" s="235"/>
      <c r="S1239" s="235"/>
      <c r="T1239" s="235"/>
      <c r="U1239" s="235"/>
      <c r="V1239" s="235"/>
      <c r="W1239" s="235"/>
      <c r="X1239" s="235"/>
      <c r="Y1239" s="235"/>
      <c r="Z1239" s="235"/>
      <c r="AA1239" s="235"/>
      <c r="AB1239" s="235"/>
      <c r="AC1239" s="235"/>
      <c r="AD1239" s="235"/>
      <c r="AE1239" s="235"/>
      <c r="AF1239" s="235"/>
      <c r="AG1239" s="235"/>
      <c r="AH1239" s="235"/>
      <c r="AI1239" s="235"/>
      <c r="AJ1239" s="236"/>
      <c r="AK1239" s="229"/>
      <c r="AL1239" s="230"/>
    </row>
    <row r="1240" spans="1:38" thickTop="1">
      <c r="B1240" s="7"/>
      <c r="C1240" s="231" t="s">
        <v>447</v>
      </c>
      <c r="D1240" s="232"/>
      <c r="E1240" s="232"/>
      <c r="F1240" s="232"/>
      <c r="G1240" s="232"/>
      <c r="H1240" s="232"/>
      <c r="I1240" s="232"/>
      <c r="J1240" s="232"/>
      <c r="K1240" s="232"/>
      <c r="L1240" s="232"/>
      <c r="M1240" s="232"/>
      <c r="N1240" s="232"/>
      <c r="O1240" s="232"/>
      <c r="P1240" s="232"/>
      <c r="Q1240" s="232"/>
      <c r="R1240" s="232"/>
      <c r="S1240" s="232"/>
      <c r="T1240" s="232"/>
      <c r="U1240" s="232"/>
      <c r="V1240" s="232"/>
      <c r="W1240" s="232"/>
      <c r="X1240" s="232"/>
      <c r="Y1240" s="232"/>
      <c r="Z1240" s="232"/>
      <c r="AA1240" s="232"/>
      <c r="AB1240" s="232"/>
      <c r="AC1240" s="232"/>
      <c r="AD1240" s="232"/>
      <c r="AE1240" s="232"/>
      <c r="AF1240" s="232"/>
      <c r="AG1240" s="232"/>
      <c r="AH1240" s="232"/>
      <c r="AI1240" s="232"/>
      <c r="AJ1240" s="233"/>
      <c r="AK1240" s="227"/>
      <c r="AL1240" s="228"/>
    </row>
    <row r="1241" spans="1:38" thickBot="1">
      <c r="B1241" s="7"/>
      <c r="C1241" s="234"/>
      <c r="D1241" s="235"/>
      <c r="E1241" s="235"/>
      <c r="F1241" s="235"/>
      <c r="G1241" s="235"/>
      <c r="H1241" s="235"/>
      <c r="I1241" s="235"/>
      <c r="J1241" s="235"/>
      <c r="K1241" s="235"/>
      <c r="L1241" s="235"/>
      <c r="M1241" s="235"/>
      <c r="N1241" s="235"/>
      <c r="O1241" s="235"/>
      <c r="P1241" s="235"/>
      <c r="Q1241" s="235"/>
      <c r="R1241" s="235"/>
      <c r="S1241" s="235"/>
      <c r="T1241" s="235"/>
      <c r="U1241" s="235"/>
      <c r="V1241" s="235"/>
      <c r="W1241" s="235"/>
      <c r="X1241" s="235"/>
      <c r="Y1241" s="235"/>
      <c r="Z1241" s="235"/>
      <c r="AA1241" s="235"/>
      <c r="AB1241" s="235"/>
      <c r="AC1241" s="235"/>
      <c r="AD1241" s="235"/>
      <c r="AE1241" s="235"/>
      <c r="AF1241" s="235"/>
      <c r="AG1241" s="235"/>
      <c r="AH1241" s="235"/>
      <c r="AI1241" s="235"/>
      <c r="AJ1241" s="236"/>
      <c r="AK1241" s="229"/>
      <c r="AL1241" s="230"/>
    </row>
    <row r="1242" spans="1:38" thickTop="1">
      <c r="B1242" s="7"/>
      <c r="C1242" s="306" t="s">
        <v>649</v>
      </c>
      <c r="D1242" s="262"/>
      <c r="E1242" s="262"/>
      <c r="F1242" s="262"/>
      <c r="G1242" s="262"/>
      <c r="H1242" s="262"/>
      <c r="I1242" s="262"/>
      <c r="J1242" s="262"/>
      <c r="K1242" s="262"/>
      <c r="L1242" s="262"/>
      <c r="M1242" s="262"/>
      <c r="N1242" s="262"/>
      <c r="O1242" s="262"/>
      <c r="P1242" s="262"/>
      <c r="Q1242" s="262"/>
      <c r="R1242" s="262"/>
      <c r="S1242" s="262"/>
      <c r="T1242" s="262"/>
      <c r="U1242" s="262"/>
      <c r="V1242" s="262"/>
      <c r="W1242" s="262"/>
      <c r="X1242" s="262"/>
      <c r="Y1242" s="262"/>
      <c r="Z1242" s="262"/>
      <c r="AA1242" s="262"/>
      <c r="AB1242" s="262"/>
      <c r="AC1242" s="262"/>
      <c r="AD1242" s="262"/>
      <c r="AE1242" s="262"/>
      <c r="AF1242" s="262"/>
      <c r="AG1242" s="262"/>
      <c r="AH1242" s="262"/>
      <c r="AI1242" s="262"/>
      <c r="AJ1242" s="311"/>
      <c r="AK1242" s="227"/>
      <c r="AL1242" s="228"/>
    </row>
    <row r="1243" spans="1:38" thickBot="1">
      <c r="B1243" s="7"/>
      <c r="C1243" s="308"/>
      <c r="D1243" s="284"/>
      <c r="E1243" s="284"/>
      <c r="F1243" s="284"/>
      <c r="G1243" s="284"/>
      <c r="H1243" s="284"/>
      <c r="I1243" s="284"/>
      <c r="J1243" s="284"/>
      <c r="K1243" s="284"/>
      <c r="L1243" s="284"/>
      <c r="M1243" s="284"/>
      <c r="N1243" s="284"/>
      <c r="O1243" s="284"/>
      <c r="P1243" s="284"/>
      <c r="Q1243" s="284"/>
      <c r="R1243" s="284"/>
      <c r="S1243" s="284"/>
      <c r="T1243" s="284"/>
      <c r="U1243" s="284"/>
      <c r="V1243" s="284"/>
      <c r="W1243" s="284"/>
      <c r="X1243" s="284"/>
      <c r="Y1243" s="284"/>
      <c r="Z1243" s="284"/>
      <c r="AA1243" s="284"/>
      <c r="AB1243" s="284"/>
      <c r="AC1243" s="284"/>
      <c r="AD1243" s="284"/>
      <c r="AE1243" s="284"/>
      <c r="AF1243" s="284"/>
      <c r="AG1243" s="284"/>
      <c r="AH1243" s="284"/>
      <c r="AI1243" s="284"/>
      <c r="AJ1243" s="321"/>
      <c r="AK1243" s="229"/>
      <c r="AL1243" s="230"/>
    </row>
    <row r="1244" spans="1:38" ht="14" thickTop="1" thickBot="1"/>
    <row r="1245" spans="1:38" ht="13.5" customHeight="1" thickTop="1">
      <c r="A1245" s="215">
        <v>124</v>
      </c>
      <c r="B1245" s="239"/>
      <c r="C1245" s="219" t="s">
        <v>596</v>
      </c>
      <c r="D1245" s="220"/>
      <c r="E1245" s="220"/>
      <c r="F1245" s="220"/>
      <c r="G1245" s="220"/>
      <c r="H1245" s="220"/>
      <c r="I1245" s="220"/>
      <c r="J1245" s="220"/>
      <c r="K1245" s="220"/>
      <c r="L1245" s="220"/>
      <c r="M1245" s="220"/>
      <c r="N1245" s="220"/>
      <c r="O1245" s="220"/>
      <c r="P1245" s="220"/>
      <c r="Q1245" s="220"/>
      <c r="R1245" s="220"/>
      <c r="S1245" s="220"/>
      <c r="T1245" s="220"/>
      <c r="U1245" s="220"/>
      <c r="V1245" s="220"/>
      <c r="W1245" s="220"/>
      <c r="X1245" s="220"/>
      <c r="Y1245" s="220"/>
      <c r="Z1245" s="220"/>
      <c r="AA1245" s="220"/>
      <c r="AB1245" s="220"/>
      <c r="AC1245" s="220"/>
      <c r="AD1245" s="220"/>
      <c r="AE1245" s="220"/>
      <c r="AF1245" s="220"/>
      <c r="AG1245" s="220"/>
      <c r="AH1245" s="220"/>
      <c r="AI1245" s="220"/>
      <c r="AJ1245" s="221"/>
      <c r="AK1245" s="227"/>
      <c r="AL1245" s="228"/>
    </row>
    <row r="1246" spans="1:38" ht="13.5" customHeight="1" thickBot="1">
      <c r="A1246" s="217"/>
      <c r="B1246" s="240"/>
      <c r="C1246" s="225"/>
      <c r="D1246" s="226"/>
      <c r="E1246" s="226"/>
      <c r="F1246" s="226"/>
      <c r="G1246" s="226"/>
      <c r="H1246" s="226"/>
      <c r="I1246" s="226"/>
      <c r="J1246" s="226"/>
      <c r="K1246" s="226"/>
      <c r="L1246" s="226"/>
      <c r="M1246" s="226"/>
      <c r="N1246" s="226"/>
      <c r="O1246" s="226"/>
      <c r="P1246" s="226"/>
      <c r="Q1246" s="226"/>
      <c r="R1246" s="226"/>
      <c r="S1246" s="226"/>
      <c r="T1246" s="226"/>
      <c r="U1246" s="226"/>
      <c r="V1246" s="226"/>
      <c r="W1246" s="226"/>
      <c r="X1246" s="226"/>
      <c r="Y1246" s="226"/>
      <c r="Z1246" s="226"/>
      <c r="AA1246" s="226"/>
      <c r="AB1246" s="226"/>
      <c r="AC1246" s="226"/>
      <c r="AD1246" s="226"/>
      <c r="AE1246" s="226"/>
      <c r="AF1246" s="226"/>
      <c r="AG1246" s="226"/>
      <c r="AH1246" s="226"/>
      <c r="AI1246" s="226"/>
      <c r="AJ1246" s="241"/>
      <c r="AK1246" s="229"/>
      <c r="AL1246" s="230"/>
    </row>
    <row r="1247" spans="1:38" thickTop="1"/>
    <row r="1248" spans="1:38" thickBot="1">
      <c r="C1248" s="1" t="s">
        <v>352</v>
      </c>
    </row>
    <row r="1249" spans="1:38" ht="14.25" customHeight="1" thickTop="1">
      <c r="B1249" s="7"/>
      <c r="C1249" s="231" t="s">
        <v>357</v>
      </c>
      <c r="D1249" s="232"/>
      <c r="E1249" s="232"/>
      <c r="F1249" s="232"/>
      <c r="G1249" s="232"/>
      <c r="H1249" s="232"/>
      <c r="I1249" s="232"/>
      <c r="J1249" s="232"/>
      <c r="K1249" s="232"/>
      <c r="L1249" s="232"/>
      <c r="M1249" s="232"/>
      <c r="N1249" s="232"/>
      <c r="O1249" s="232"/>
      <c r="P1249" s="232"/>
      <c r="Q1249" s="232"/>
      <c r="R1249" s="232"/>
      <c r="S1249" s="232"/>
      <c r="T1249" s="232"/>
      <c r="U1249" s="232"/>
      <c r="V1249" s="232"/>
      <c r="W1249" s="232"/>
      <c r="X1249" s="232"/>
      <c r="Y1249" s="232"/>
      <c r="Z1249" s="232"/>
      <c r="AA1249" s="232"/>
      <c r="AB1249" s="232"/>
      <c r="AC1249" s="232"/>
      <c r="AD1249" s="232"/>
      <c r="AE1249" s="232"/>
      <c r="AF1249" s="232"/>
      <c r="AG1249" s="232"/>
      <c r="AH1249" s="232"/>
      <c r="AI1249" s="232"/>
      <c r="AJ1249" s="233"/>
      <c r="AK1249" s="227"/>
      <c r="AL1249" s="228"/>
    </row>
    <row r="1250" spans="1:38" thickBot="1">
      <c r="B1250" s="7"/>
      <c r="C1250" s="234"/>
      <c r="D1250" s="235"/>
      <c r="E1250" s="235"/>
      <c r="F1250" s="235"/>
      <c r="G1250" s="235"/>
      <c r="H1250" s="235"/>
      <c r="I1250" s="235"/>
      <c r="J1250" s="235"/>
      <c r="K1250" s="235"/>
      <c r="L1250" s="235"/>
      <c r="M1250" s="235"/>
      <c r="N1250" s="235"/>
      <c r="O1250" s="235"/>
      <c r="P1250" s="235"/>
      <c r="Q1250" s="235"/>
      <c r="R1250" s="235"/>
      <c r="S1250" s="235"/>
      <c r="T1250" s="235"/>
      <c r="U1250" s="235"/>
      <c r="V1250" s="235"/>
      <c r="W1250" s="235"/>
      <c r="X1250" s="235"/>
      <c r="Y1250" s="235"/>
      <c r="Z1250" s="235"/>
      <c r="AA1250" s="235"/>
      <c r="AB1250" s="235"/>
      <c r="AC1250" s="235"/>
      <c r="AD1250" s="235"/>
      <c r="AE1250" s="235"/>
      <c r="AF1250" s="235"/>
      <c r="AG1250" s="235"/>
      <c r="AH1250" s="235"/>
      <c r="AI1250" s="235"/>
      <c r="AJ1250" s="236"/>
      <c r="AK1250" s="229"/>
      <c r="AL1250" s="230"/>
    </row>
    <row r="1251" spans="1:38" thickTop="1">
      <c r="B1251" s="7"/>
      <c r="C1251" s="231" t="s">
        <v>358</v>
      </c>
      <c r="D1251" s="232"/>
      <c r="E1251" s="232"/>
      <c r="F1251" s="232"/>
      <c r="G1251" s="232"/>
      <c r="H1251" s="232"/>
      <c r="I1251" s="232"/>
      <c r="J1251" s="232"/>
      <c r="K1251" s="232"/>
      <c r="L1251" s="232"/>
      <c r="M1251" s="232"/>
      <c r="N1251" s="232"/>
      <c r="O1251" s="232"/>
      <c r="P1251" s="232"/>
      <c r="Q1251" s="232"/>
      <c r="R1251" s="232"/>
      <c r="S1251" s="232"/>
      <c r="T1251" s="232"/>
      <c r="U1251" s="232"/>
      <c r="V1251" s="232"/>
      <c r="W1251" s="232"/>
      <c r="X1251" s="232"/>
      <c r="Y1251" s="232"/>
      <c r="Z1251" s="232"/>
      <c r="AA1251" s="232"/>
      <c r="AB1251" s="232"/>
      <c r="AC1251" s="232"/>
      <c r="AD1251" s="232"/>
      <c r="AE1251" s="232"/>
      <c r="AF1251" s="232"/>
      <c r="AG1251" s="232"/>
      <c r="AH1251" s="232"/>
      <c r="AI1251" s="232"/>
      <c r="AJ1251" s="233"/>
      <c r="AK1251" s="227"/>
      <c r="AL1251" s="228"/>
    </row>
    <row r="1252" spans="1:38" thickBot="1">
      <c r="B1252" s="7"/>
      <c r="C1252" s="234"/>
      <c r="D1252" s="235"/>
      <c r="E1252" s="235"/>
      <c r="F1252" s="235"/>
      <c r="G1252" s="235"/>
      <c r="H1252" s="235"/>
      <c r="I1252" s="235"/>
      <c r="J1252" s="235"/>
      <c r="K1252" s="235"/>
      <c r="L1252" s="235"/>
      <c r="M1252" s="235"/>
      <c r="N1252" s="235"/>
      <c r="O1252" s="235"/>
      <c r="P1252" s="235"/>
      <c r="Q1252" s="235"/>
      <c r="R1252" s="235"/>
      <c r="S1252" s="235"/>
      <c r="T1252" s="235"/>
      <c r="U1252" s="235"/>
      <c r="V1252" s="235"/>
      <c r="W1252" s="235"/>
      <c r="X1252" s="235"/>
      <c r="Y1252" s="235"/>
      <c r="Z1252" s="235"/>
      <c r="AA1252" s="235"/>
      <c r="AB1252" s="235"/>
      <c r="AC1252" s="235"/>
      <c r="AD1252" s="235"/>
      <c r="AE1252" s="235"/>
      <c r="AF1252" s="235"/>
      <c r="AG1252" s="235"/>
      <c r="AH1252" s="235"/>
      <c r="AI1252" s="235"/>
      <c r="AJ1252" s="236"/>
      <c r="AK1252" s="229"/>
      <c r="AL1252" s="230"/>
    </row>
    <row r="1253" spans="1:38" thickTop="1">
      <c r="B1253" s="7"/>
      <c r="C1253" s="231" t="s">
        <v>353</v>
      </c>
      <c r="D1253" s="232"/>
      <c r="E1253" s="232"/>
      <c r="F1253" s="232"/>
      <c r="G1253" s="232"/>
      <c r="H1253" s="232"/>
      <c r="I1253" s="232"/>
      <c r="J1253" s="232"/>
      <c r="K1253" s="232"/>
      <c r="L1253" s="232"/>
      <c r="M1253" s="232"/>
      <c r="N1253" s="232"/>
      <c r="O1253" s="232"/>
      <c r="P1253" s="232"/>
      <c r="Q1253" s="232"/>
      <c r="R1253" s="232"/>
      <c r="S1253" s="232"/>
      <c r="T1253" s="232"/>
      <c r="U1253" s="232"/>
      <c r="V1253" s="232"/>
      <c r="W1253" s="232"/>
      <c r="X1253" s="232"/>
      <c r="Y1253" s="232"/>
      <c r="Z1253" s="232"/>
      <c r="AA1253" s="232"/>
      <c r="AB1253" s="232"/>
      <c r="AC1253" s="232"/>
      <c r="AD1253" s="232"/>
      <c r="AE1253" s="232"/>
      <c r="AF1253" s="232"/>
      <c r="AG1253" s="232"/>
      <c r="AH1253" s="232"/>
      <c r="AI1253" s="232"/>
      <c r="AJ1253" s="233"/>
      <c r="AK1253" s="227"/>
      <c r="AL1253" s="228"/>
    </row>
    <row r="1254" spans="1:38" thickBot="1">
      <c r="B1254" s="7"/>
      <c r="C1254" s="234"/>
      <c r="D1254" s="235"/>
      <c r="E1254" s="235"/>
      <c r="F1254" s="235"/>
      <c r="G1254" s="235"/>
      <c r="H1254" s="235"/>
      <c r="I1254" s="235"/>
      <c r="J1254" s="235"/>
      <c r="K1254" s="235"/>
      <c r="L1254" s="235"/>
      <c r="M1254" s="235"/>
      <c r="N1254" s="235"/>
      <c r="O1254" s="235"/>
      <c r="P1254" s="235"/>
      <c r="Q1254" s="235"/>
      <c r="R1254" s="235"/>
      <c r="S1254" s="235"/>
      <c r="T1254" s="235"/>
      <c r="U1254" s="235"/>
      <c r="V1254" s="235"/>
      <c r="W1254" s="235"/>
      <c r="X1254" s="235"/>
      <c r="Y1254" s="235"/>
      <c r="Z1254" s="235"/>
      <c r="AA1254" s="235"/>
      <c r="AB1254" s="235"/>
      <c r="AC1254" s="235"/>
      <c r="AD1254" s="235"/>
      <c r="AE1254" s="235"/>
      <c r="AF1254" s="235"/>
      <c r="AG1254" s="235"/>
      <c r="AH1254" s="235"/>
      <c r="AI1254" s="235"/>
      <c r="AJ1254" s="236"/>
      <c r="AK1254" s="229"/>
      <c r="AL1254" s="230"/>
    </row>
    <row r="1255" spans="1:38" thickTop="1">
      <c r="B1255" s="7"/>
      <c r="C1255" s="231" t="s">
        <v>359</v>
      </c>
      <c r="D1255" s="232"/>
      <c r="E1255" s="232"/>
      <c r="F1255" s="232"/>
      <c r="G1255" s="232"/>
      <c r="H1255" s="232"/>
      <c r="I1255" s="232"/>
      <c r="J1255" s="232"/>
      <c r="K1255" s="232"/>
      <c r="L1255" s="232"/>
      <c r="M1255" s="232"/>
      <c r="N1255" s="232"/>
      <c r="O1255" s="232"/>
      <c r="P1255" s="232"/>
      <c r="Q1255" s="232"/>
      <c r="R1255" s="232"/>
      <c r="S1255" s="232"/>
      <c r="T1255" s="232"/>
      <c r="U1255" s="232"/>
      <c r="V1255" s="232"/>
      <c r="W1255" s="232"/>
      <c r="X1255" s="232"/>
      <c r="Y1255" s="232"/>
      <c r="Z1255" s="232"/>
      <c r="AA1255" s="232"/>
      <c r="AB1255" s="232"/>
      <c r="AC1255" s="232"/>
      <c r="AD1255" s="232"/>
      <c r="AE1255" s="232"/>
      <c r="AF1255" s="232"/>
      <c r="AG1255" s="232"/>
      <c r="AH1255" s="232"/>
      <c r="AI1255" s="232"/>
      <c r="AJ1255" s="233"/>
      <c r="AK1255" s="227"/>
      <c r="AL1255" s="228"/>
    </row>
    <row r="1256" spans="1:38" thickBot="1">
      <c r="B1256" s="7"/>
      <c r="C1256" s="234"/>
      <c r="D1256" s="235"/>
      <c r="E1256" s="235"/>
      <c r="F1256" s="235"/>
      <c r="G1256" s="235"/>
      <c r="H1256" s="235"/>
      <c r="I1256" s="235"/>
      <c r="J1256" s="235"/>
      <c r="K1256" s="235"/>
      <c r="L1256" s="235"/>
      <c r="M1256" s="235"/>
      <c r="N1256" s="235"/>
      <c r="O1256" s="235"/>
      <c r="P1256" s="235"/>
      <c r="Q1256" s="235"/>
      <c r="R1256" s="235"/>
      <c r="S1256" s="235"/>
      <c r="T1256" s="235"/>
      <c r="U1256" s="235"/>
      <c r="V1256" s="235"/>
      <c r="W1256" s="235"/>
      <c r="X1256" s="235"/>
      <c r="Y1256" s="235"/>
      <c r="Z1256" s="235"/>
      <c r="AA1256" s="235"/>
      <c r="AB1256" s="235"/>
      <c r="AC1256" s="235"/>
      <c r="AD1256" s="235"/>
      <c r="AE1256" s="235"/>
      <c r="AF1256" s="235"/>
      <c r="AG1256" s="235"/>
      <c r="AH1256" s="235"/>
      <c r="AI1256" s="235"/>
      <c r="AJ1256" s="236"/>
      <c r="AK1256" s="229"/>
      <c r="AL1256" s="230"/>
    </row>
    <row r="1257" spans="1:38" thickTop="1">
      <c r="B1257" s="7"/>
      <c r="C1257" s="231" t="s">
        <v>354</v>
      </c>
      <c r="D1257" s="232"/>
      <c r="E1257" s="232"/>
      <c r="F1257" s="232"/>
      <c r="G1257" s="232"/>
      <c r="H1257" s="232"/>
      <c r="I1257" s="232"/>
      <c r="J1257" s="232"/>
      <c r="K1257" s="232"/>
      <c r="L1257" s="232"/>
      <c r="M1257" s="232"/>
      <c r="N1257" s="232"/>
      <c r="O1257" s="232"/>
      <c r="P1257" s="232"/>
      <c r="Q1257" s="232"/>
      <c r="R1257" s="232"/>
      <c r="S1257" s="232"/>
      <c r="T1257" s="232"/>
      <c r="U1257" s="232"/>
      <c r="V1257" s="232"/>
      <c r="W1257" s="232"/>
      <c r="X1257" s="232"/>
      <c r="Y1257" s="232"/>
      <c r="Z1257" s="232"/>
      <c r="AA1257" s="232"/>
      <c r="AB1257" s="232"/>
      <c r="AC1257" s="232"/>
      <c r="AD1257" s="232"/>
      <c r="AE1257" s="232"/>
      <c r="AF1257" s="232"/>
      <c r="AG1257" s="232"/>
      <c r="AH1257" s="232"/>
      <c r="AI1257" s="232"/>
      <c r="AJ1257" s="233"/>
      <c r="AK1257" s="227"/>
      <c r="AL1257" s="228"/>
    </row>
    <row r="1258" spans="1:38" thickBot="1">
      <c r="B1258" s="7"/>
      <c r="C1258" s="234"/>
      <c r="D1258" s="235"/>
      <c r="E1258" s="235"/>
      <c r="F1258" s="235"/>
      <c r="G1258" s="235"/>
      <c r="H1258" s="235"/>
      <c r="I1258" s="235"/>
      <c r="J1258" s="235"/>
      <c r="K1258" s="235"/>
      <c r="L1258" s="235"/>
      <c r="M1258" s="235"/>
      <c r="N1258" s="235"/>
      <c r="O1258" s="235"/>
      <c r="P1258" s="235"/>
      <c r="Q1258" s="235"/>
      <c r="R1258" s="235"/>
      <c r="S1258" s="235"/>
      <c r="T1258" s="235"/>
      <c r="U1258" s="235"/>
      <c r="V1258" s="235"/>
      <c r="W1258" s="235"/>
      <c r="X1258" s="235"/>
      <c r="Y1258" s="235"/>
      <c r="Z1258" s="235"/>
      <c r="AA1258" s="235"/>
      <c r="AB1258" s="235"/>
      <c r="AC1258" s="235"/>
      <c r="AD1258" s="235"/>
      <c r="AE1258" s="235"/>
      <c r="AF1258" s="235"/>
      <c r="AG1258" s="235"/>
      <c r="AH1258" s="235"/>
      <c r="AI1258" s="235"/>
      <c r="AJ1258" s="236"/>
      <c r="AK1258" s="229"/>
      <c r="AL1258" s="230"/>
    </row>
    <row r="1259" spans="1:38" thickTop="1">
      <c r="B1259" s="7"/>
      <c r="C1259" s="231" t="s">
        <v>371</v>
      </c>
      <c r="D1259" s="232"/>
      <c r="E1259" s="232"/>
      <c r="F1259" s="232"/>
      <c r="G1259" s="232"/>
      <c r="H1259" s="232"/>
      <c r="I1259" s="232"/>
      <c r="J1259" s="232"/>
      <c r="K1259" s="232"/>
      <c r="L1259" s="232"/>
      <c r="M1259" s="232"/>
      <c r="N1259" s="232"/>
      <c r="O1259" s="232"/>
      <c r="P1259" s="232"/>
      <c r="Q1259" s="232"/>
      <c r="R1259" s="232"/>
      <c r="S1259" s="232"/>
      <c r="T1259" s="232"/>
      <c r="U1259" s="232"/>
      <c r="V1259" s="232"/>
      <c r="W1259" s="232"/>
      <c r="X1259" s="232"/>
      <c r="Y1259" s="232"/>
      <c r="Z1259" s="232"/>
      <c r="AA1259" s="232"/>
      <c r="AB1259" s="232"/>
      <c r="AC1259" s="232"/>
      <c r="AD1259" s="232"/>
      <c r="AE1259" s="232"/>
      <c r="AF1259" s="232"/>
      <c r="AG1259" s="232"/>
      <c r="AH1259" s="232"/>
      <c r="AI1259" s="232"/>
      <c r="AJ1259" s="233"/>
      <c r="AK1259" s="227"/>
      <c r="AL1259" s="228"/>
    </row>
    <row r="1260" spans="1:38" thickBot="1">
      <c r="B1260" s="7"/>
      <c r="C1260" s="234"/>
      <c r="D1260" s="235"/>
      <c r="E1260" s="235"/>
      <c r="F1260" s="235"/>
      <c r="G1260" s="235"/>
      <c r="H1260" s="235"/>
      <c r="I1260" s="235"/>
      <c r="J1260" s="235"/>
      <c r="K1260" s="235"/>
      <c r="L1260" s="235"/>
      <c r="M1260" s="235"/>
      <c r="N1260" s="235"/>
      <c r="O1260" s="235"/>
      <c r="P1260" s="235"/>
      <c r="Q1260" s="235"/>
      <c r="R1260" s="235"/>
      <c r="S1260" s="235"/>
      <c r="T1260" s="235"/>
      <c r="U1260" s="235"/>
      <c r="V1260" s="235"/>
      <c r="W1260" s="235"/>
      <c r="X1260" s="235"/>
      <c r="Y1260" s="235"/>
      <c r="Z1260" s="235"/>
      <c r="AA1260" s="235"/>
      <c r="AB1260" s="235"/>
      <c r="AC1260" s="235"/>
      <c r="AD1260" s="235"/>
      <c r="AE1260" s="235"/>
      <c r="AF1260" s="235"/>
      <c r="AG1260" s="235"/>
      <c r="AH1260" s="235"/>
      <c r="AI1260" s="235"/>
      <c r="AJ1260" s="236"/>
      <c r="AK1260" s="229"/>
      <c r="AL1260" s="230"/>
    </row>
    <row r="1261" spans="1:38" ht="13.65" customHeight="1" thickTop="1">
      <c r="B1261" s="7"/>
      <c r="C1261" s="242" t="s">
        <v>418</v>
      </c>
      <c r="D1261" s="243"/>
      <c r="E1261" s="243"/>
      <c r="F1261" s="243"/>
      <c r="G1261" s="243"/>
      <c r="H1261" s="243"/>
      <c r="I1261" s="243"/>
      <c r="J1261" s="243"/>
      <c r="K1261" s="243"/>
      <c r="L1261" s="243"/>
      <c r="M1261" s="243"/>
      <c r="N1261" s="243"/>
      <c r="O1261" s="243"/>
      <c r="P1261" s="243"/>
      <c r="Q1261" s="243"/>
      <c r="R1261" s="243"/>
      <c r="S1261" s="243"/>
      <c r="T1261" s="243"/>
      <c r="U1261" s="243"/>
      <c r="V1261" s="243"/>
      <c r="W1261" s="243"/>
      <c r="X1261" s="243"/>
      <c r="Y1261" s="243"/>
      <c r="Z1261" s="243"/>
      <c r="AA1261" s="243"/>
      <c r="AB1261" s="243"/>
      <c r="AC1261" s="243"/>
      <c r="AD1261" s="243"/>
      <c r="AE1261" s="243"/>
      <c r="AF1261" s="243"/>
      <c r="AG1261" s="243"/>
      <c r="AH1261" s="243"/>
      <c r="AI1261" s="243"/>
      <c r="AJ1261" s="244"/>
      <c r="AK1261" s="227"/>
      <c r="AL1261" s="228"/>
    </row>
    <row r="1262" spans="1:38" thickBot="1">
      <c r="B1262" s="7"/>
      <c r="C1262" s="245"/>
      <c r="D1262" s="246"/>
      <c r="E1262" s="246"/>
      <c r="F1262" s="246"/>
      <c r="G1262" s="246"/>
      <c r="H1262" s="246"/>
      <c r="I1262" s="246"/>
      <c r="J1262" s="246"/>
      <c r="K1262" s="246"/>
      <c r="L1262" s="246"/>
      <c r="M1262" s="246"/>
      <c r="N1262" s="246"/>
      <c r="O1262" s="246"/>
      <c r="P1262" s="246"/>
      <c r="Q1262" s="246"/>
      <c r="R1262" s="246"/>
      <c r="S1262" s="246"/>
      <c r="T1262" s="246"/>
      <c r="U1262" s="246"/>
      <c r="V1262" s="246"/>
      <c r="W1262" s="246"/>
      <c r="X1262" s="246"/>
      <c r="Y1262" s="246"/>
      <c r="Z1262" s="246"/>
      <c r="AA1262" s="246"/>
      <c r="AB1262" s="246"/>
      <c r="AC1262" s="246"/>
      <c r="AD1262" s="246"/>
      <c r="AE1262" s="246"/>
      <c r="AF1262" s="246"/>
      <c r="AG1262" s="246"/>
      <c r="AH1262" s="246"/>
      <c r="AI1262" s="246"/>
      <c r="AJ1262" s="247"/>
      <c r="AK1262" s="229"/>
      <c r="AL1262" s="230"/>
    </row>
    <row r="1263" spans="1:38" ht="14" thickTop="1" thickBot="1"/>
    <row r="1264" spans="1:38" ht="13.5" customHeight="1" thickTop="1">
      <c r="A1264" s="215">
        <v>125</v>
      </c>
      <c r="B1264" s="239"/>
      <c r="C1264" s="219" t="s">
        <v>597</v>
      </c>
      <c r="D1264" s="220"/>
      <c r="E1264" s="220"/>
      <c r="F1264" s="220"/>
      <c r="G1264" s="220"/>
      <c r="H1264" s="220"/>
      <c r="I1264" s="220"/>
      <c r="J1264" s="220"/>
      <c r="K1264" s="220"/>
      <c r="L1264" s="220"/>
      <c r="M1264" s="220"/>
      <c r="N1264" s="220"/>
      <c r="O1264" s="220"/>
      <c r="P1264" s="220"/>
      <c r="Q1264" s="220"/>
      <c r="R1264" s="220"/>
      <c r="S1264" s="220"/>
      <c r="T1264" s="220"/>
      <c r="U1264" s="220"/>
      <c r="V1264" s="220"/>
      <c r="W1264" s="220"/>
      <c r="X1264" s="220"/>
      <c r="Y1264" s="220"/>
      <c r="Z1264" s="220"/>
      <c r="AA1264" s="220"/>
      <c r="AB1264" s="220"/>
      <c r="AC1264" s="220"/>
      <c r="AD1264" s="220"/>
      <c r="AE1264" s="220"/>
      <c r="AF1264" s="220"/>
      <c r="AG1264" s="220"/>
      <c r="AH1264" s="220"/>
      <c r="AI1264" s="220"/>
      <c r="AJ1264" s="221"/>
      <c r="AK1264" s="227"/>
      <c r="AL1264" s="228"/>
    </row>
    <row r="1265" spans="1:38" ht="13.5" customHeight="1" thickBot="1">
      <c r="A1265" s="217"/>
      <c r="B1265" s="240"/>
      <c r="C1265" s="225"/>
      <c r="D1265" s="226"/>
      <c r="E1265" s="226"/>
      <c r="F1265" s="226"/>
      <c r="G1265" s="226"/>
      <c r="H1265" s="226"/>
      <c r="I1265" s="226"/>
      <c r="J1265" s="226"/>
      <c r="K1265" s="226"/>
      <c r="L1265" s="226"/>
      <c r="M1265" s="226"/>
      <c r="N1265" s="226"/>
      <c r="O1265" s="226"/>
      <c r="P1265" s="226"/>
      <c r="Q1265" s="226"/>
      <c r="R1265" s="226"/>
      <c r="S1265" s="226"/>
      <c r="T1265" s="226"/>
      <c r="U1265" s="226"/>
      <c r="V1265" s="226"/>
      <c r="W1265" s="226"/>
      <c r="X1265" s="226"/>
      <c r="Y1265" s="226"/>
      <c r="Z1265" s="226"/>
      <c r="AA1265" s="226"/>
      <c r="AB1265" s="226"/>
      <c r="AC1265" s="226"/>
      <c r="AD1265" s="226"/>
      <c r="AE1265" s="226"/>
      <c r="AF1265" s="226"/>
      <c r="AG1265" s="226"/>
      <c r="AH1265" s="226"/>
      <c r="AI1265" s="226"/>
      <c r="AJ1265" s="241"/>
      <c r="AK1265" s="229"/>
      <c r="AL1265" s="230"/>
    </row>
    <row r="1266" spans="1:38" ht="14" thickTop="1" thickBot="1"/>
    <row r="1267" spans="1:38" thickTop="1">
      <c r="B1267" s="7"/>
      <c r="C1267" s="231" t="s">
        <v>448</v>
      </c>
      <c r="D1267" s="232"/>
      <c r="E1267" s="232"/>
      <c r="F1267" s="232"/>
      <c r="G1267" s="232"/>
      <c r="H1267" s="232"/>
      <c r="I1267" s="232"/>
      <c r="J1267" s="232"/>
      <c r="K1267" s="232"/>
      <c r="L1267" s="232"/>
      <c r="M1267" s="232"/>
      <c r="N1267" s="232"/>
      <c r="O1267" s="232"/>
      <c r="P1267" s="232"/>
      <c r="Q1267" s="232"/>
      <c r="R1267" s="232"/>
      <c r="S1267" s="232"/>
      <c r="T1267" s="232"/>
      <c r="U1267" s="232"/>
      <c r="V1267" s="232"/>
      <c r="W1267" s="232"/>
      <c r="X1267" s="232"/>
      <c r="Y1267" s="232"/>
      <c r="Z1267" s="232"/>
      <c r="AA1267" s="232"/>
      <c r="AB1267" s="232"/>
      <c r="AC1267" s="232"/>
      <c r="AD1267" s="232"/>
      <c r="AE1267" s="232"/>
      <c r="AF1267" s="232"/>
      <c r="AG1267" s="232"/>
      <c r="AH1267" s="232"/>
      <c r="AI1267" s="232"/>
      <c r="AJ1267" s="233"/>
      <c r="AK1267" s="227"/>
      <c r="AL1267" s="228"/>
    </row>
    <row r="1268" spans="1:38" thickBot="1">
      <c r="B1268" s="7"/>
      <c r="C1268" s="234"/>
      <c r="D1268" s="235"/>
      <c r="E1268" s="235"/>
      <c r="F1268" s="235"/>
      <c r="G1268" s="235"/>
      <c r="H1268" s="235"/>
      <c r="I1268" s="235"/>
      <c r="J1268" s="235"/>
      <c r="K1268" s="235"/>
      <c r="L1268" s="235"/>
      <c r="M1268" s="235"/>
      <c r="N1268" s="235"/>
      <c r="O1268" s="235"/>
      <c r="P1268" s="235"/>
      <c r="Q1268" s="235"/>
      <c r="R1268" s="235"/>
      <c r="S1268" s="235"/>
      <c r="T1268" s="235"/>
      <c r="U1268" s="235"/>
      <c r="V1268" s="235"/>
      <c r="W1268" s="235"/>
      <c r="X1268" s="235"/>
      <c r="Y1268" s="235"/>
      <c r="Z1268" s="235"/>
      <c r="AA1268" s="235"/>
      <c r="AB1268" s="235"/>
      <c r="AC1268" s="235"/>
      <c r="AD1268" s="235"/>
      <c r="AE1268" s="235"/>
      <c r="AF1268" s="235"/>
      <c r="AG1268" s="235"/>
      <c r="AH1268" s="235"/>
      <c r="AI1268" s="235"/>
      <c r="AJ1268" s="236"/>
      <c r="AK1268" s="229"/>
      <c r="AL1268" s="230"/>
    </row>
    <row r="1269" spans="1:38" thickTop="1">
      <c r="B1269" s="7"/>
      <c r="C1269" s="231" t="s">
        <v>449</v>
      </c>
      <c r="D1269" s="232"/>
      <c r="E1269" s="232"/>
      <c r="F1269" s="232"/>
      <c r="G1269" s="232"/>
      <c r="H1269" s="232"/>
      <c r="I1269" s="232"/>
      <c r="J1269" s="232"/>
      <c r="K1269" s="232"/>
      <c r="L1269" s="232"/>
      <c r="M1269" s="232"/>
      <c r="N1269" s="232"/>
      <c r="O1269" s="232"/>
      <c r="P1269" s="232"/>
      <c r="Q1269" s="232"/>
      <c r="R1269" s="232"/>
      <c r="S1269" s="232"/>
      <c r="T1269" s="232"/>
      <c r="U1269" s="232"/>
      <c r="V1269" s="232"/>
      <c r="W1269" s="232"/>
      <c r="X1269" s="232"/>
      <c r="Y1269" s="232"/>
      <c r="Z1269" s="232"/>
      <c r="AA1269" s="232"/>
      <c r="AB1269" s="232"/>
      <c r="AC1269" s="232"/>
      <c r="AD1269" s="232"/>
      <c r="AE1269" s="232"/>
      <c r="AF1269" s="232"/>
      <c r="AG1269" s="232"/>
      <c r="AH1269" s="232"/>
      <c r="AI1269" s="232"/>
      <c r="AJ1269" s="233"/>
      <c r="AK1269" s="227"/>
      <c r="AL1269" s="228"/>
    </row>
    <row r="1270" spans="1:38" thickBot="1">
      <c r="B1270" s="7"/>
      <c r="C1270" s="234"/>
      <c r="D1270" s="235"/>
      <c r="E1270" s="235"/>
      <c r="F1270" s="235"/>
      <c r="G1270" s="235"/>
      <c r="H1270" s="235"/>
      <c r="I1270" s="235"/>
      <c r="J1270" s="235"/>
      <c r="K1270" s="235"/>
      <c r="L1270" s="235"/>
      <c r="M1270" s="235"/>
      <c r="N1270" s="235"/>
      <c r="O1270" s="235"/>
      <c r="P1270" s="235"/>
      <c r="Q1270" s="235"/>
      <c r="R1270" s="235"/>
      <c r="S1270" s="235"/>
      <c r="T1270" s="235"/>
      <c r="U1270" s="235"/>
      <c r="V1270" s="235"/>
      <c r="W1270" s="235"/>
      <c r="X1270" s="235"/>
      <c r="Y1270" s="235"/>
      <c r="Z1270" s="235"/>
      <c r="AA1270" s="235"/>
      <c r="AB1270" s="235"/>
      <c r="AC1270" s="235"/>
      <c r="AD1270" s="235"/>
      <c r="AE1270" s="235"/>
      <c r="AF1270" s="235"/>
      <c r="AG1270" s="235"/>
      <c r="AH1270" s="235"/>
      <c r="AI1270" s="235"/>
      <c r="AJ1270" s="236"/>
      <c r="AK1270" s="229"/>
      <c r="AL1270" s="230"/>
    </row>
    <row r="1271" spans="1:38" ht="13.75" customHeight="1" thickTop="1">
      <c r="B1271" s="7"/>
      <c r="C1271" s="231" t="s">
        <v>450</v>
      </c>
      <c r="D1271" s="232"/>
      <c r="E1271" s="232"/>
      <c r="F1271" s="232"/>
      <c r="G1271" s="232"/>
      <c r="H1271" s="232"/>
      <c r="I1271" s="232"/>
      <c r="J1271" s="232"/>
      <c r="K1271" s="232"/>
      <c r="L1271" s="232"/>
      <c r="M1271" s="232"/>
      <c r="N1271" s="232"/>
      <c r="O1271" s="232"/>
      <c r="P1271" s="232"/>
      <c r="Q1271" s="232"/>
      <c r="R1271" s="232"/>
      <c r="S1271" s="232"/>
      <c r="T1271" s="232"/>
      <c r="U1271" s="232"/>
      <c r="V1271" s="232"/>
      <c r="W1271" s="232"/>
      <c r="X1271" s="232"/>
      <c r="Y1271" s="232"/>
      <c r="Z1271" s="232"/>
      <c r="AA1271" s="232"/>
      <c r="AB1271" s="232"/>
      <c r="AC1271" s="232"/>
      <c r="AD1271" s="232"/>
      <c r="AE1271" s="232"/>
      <c r="AF1271" s="232"/>
      <c r="AG1271" s="232"/>
      <c r="AH1271" s="232"/>
      <c r="AI1271" s="232"/>
      <c r="AJ1271" s="233"/>
      <c r="AK1271" s="227"/>
      <c r="AL1271" s="228"/>
    </row>
    <row r="1272" spans="1:38" thickBot="1">
      <c r="B1272" s="7"/>
      <c r="C1272" s="234"/>
      <c r="D1272" s="235"/>
      <c r="E1272" s="235"/>
      <c r="F1272" s="235"/>
      <c r="G1272" s="235"/>
      <c r="H1272" s="235"/>
      <c r="I1272" s="235"/>
      <c r="J1272" s="235"/>
      <c r="K1272" s="235"/>
      <c r="L1272" s="235"/>
      <c r="M1272" s="235"/>
      <c r="N1272" s="235"/>
      <c r="O1272" s="235"/>
      <c r="P1272" s="235"/>
      <c r="Q1272" s="235"/>
      <c r="R1272" s="235"/>
      <c r="S1272" s="235"/>
      <c r="T1272" s="235"/>
      <c r="U1272" s="235"/>
      <c r="V1272" s="235"/>
      <c r="W1272" s="235"/>
      <c r="X1272" s="235"/>
      <c r="Y1272" s="235"/>
      <c r="Z1272" s="235"/>
      <c r="AA1272" s="235"/>
      <c r="AB1272" s="235"/>
      <c r="AC1272" s="235"/>
      <c r="AD1272" s="235"/>
      <c r="AE1272" s="235"/>
      <c r="AF1272" s="235"/>
      <c r="AG1272" s="235"/>
      <c r="AH1272" s="235"/>
      <c r="AI1272" s="235"/>
      <c r="AJ1272" s="236"/>
      <c r="AK1272" s="229"/>
      <c r="AL1272" s="230"/>
    </row>
    <row r="1273" spans="1:38" thickTop="1">
      <c r="B1273" s="5"/>
      <c r="C1273" s="57"/>
      <c r="D1273" s="57"/>
      <c r="E1273" s="57"/>
      <c r="F1273" s="57"/>
      <c r="G1273" s="57"/>
      <c r="H1273" s="57"/>
      <c r="I1273" s="57"/>
      <c r="J1273" s="57"/>
      <c r="K1273" s="57"/>
      <c r="L1273" s="57"/>
      <c r="M1273" s="57"/>
      <c r="N1273" s="57"/>
      <c r="O1273" s="57"/>
      <c r="P1273" s="57"/>
      <c r="Q1273" s="57"/>
      <c r="R1273" s="57"/>
      <c r="S1273" s="57"/>
      <c r="T1273" s="57"/>
      <c r="U1273" s="57"/>
      <c r="V1273" s="57"/>
      <c r="W1273" s="57"/>
      <c r="X1273" s="57"/>
      <c r="Y1273" s="57"/>
      <c r="Z1273" s="57"/>
      <c r="AA1273" s="57"/>
      <c r="AB1273" s="57"/>
      <c r="AC1273" s="57"/>
      <c r="AD1273" s="57"/>
      <c r="AE1273" s="57"/>
      <c r="AF1273" s="57"/>
      <c r="AG1273" s="57"/>
      <c r="AH1273" s="57"/>
      <c r="AI1273" s="57"/>
      <c r="AJ1273" s="57"/>
      <c r="AK1273" s="58"/>
      <c r="AL1273" s="58"/>
    </row>
    <row r="1274" spans="1:38" ht="13.5" customHeight="1">
      <c r="C1274" s="1" t="s">
        <v>59</v>
      </c>
      <c r="D1274" s="518" t="s">
        <v>360</v>
      </c>
      <c r="E1274" s="518"/>
      <c r="F1274" s="518"/>
      <c r="G1274" s="518"/>
      <c r="H1274" s="518"/>
      <c r="I1274" s="518"/>
      <c r="J1274" s="518"/>
      <c r="K1274" s="518"/>
      <c r="L1274" s="518"/>
      <c r="M1274" s="518"/>
      <c r="N1274" s="518"/>
      <c r="O1274" s="518"/>
      <c r="P1274" s="518"/>
      <c r="Q1274" s="518"/>
      <c r="R1274" s="518"/>
      <c r="S1274" s="518"/>
      <c r="T1274" s="518"/>
      <c r="U1274" s="518"/>
      <c r="V1274" s="518"/>
      <c r="W1274" s="518"/>
      <c r="X1274" s="518"/>
      <c r="Y1274" s="518"/>
      <c r="Z1274" s="518"/>
      <c r="AA1274" s="518"/>
      <c r="AB1274" s="518"/>
      <c r="AC1274" s="518"/>
      <c r="AD1274" s="518"/>
      <c r="AE1274" s="518"/>
      <c r="AF1274" s="518"/>
      <c r="AG1274" s="518"/>
      <c r="AH1274" s="518"/>
      <c r="AI1274" s="518"/>
      <c r="AJ1274" s="518"/>
    </row>
    <row r="1275" spans="1:38" ht="13.5" customHeight="1">
      <c r="C1275" s="1" t="s">
        <v>59</v>
      </c>
      <c r="D1275" s="255" t="s">
        <v>355</v>
      </c>
      <c r="E1275" s="255"/>
      <c r="F1275" s="255"/>
      <c r="G1275" s="255"/>
      <c r="H1275" s="255"/>
      <c r="I1275" s="255"/>
      <c r="J1275" s="255"/>
      <c r="K1275" s="255"/>
      <c r="L1275" s="255"/>
      <c r="M1275" s="255"/>
      <c r="N1275" s="255"/>
      <c r="O1275" s="255"/>
      <c r="P1275" s="255"/>
      <c r="Q1275" s="255"/>
      <c r="R1275" s="255"/>
      <c r="S1275" s="255"/>
      <c r="T1275" s="255"/>
      <c r="U1275" s="255"/>
      <c r="V1275" s="255"/>
      <c r="W1275" s="255"/>
      <c r="X1275" s="255"/>
      <c r="Y1275" s="255"/>
      <c r="Z1275" s="255"/>
      <c r="AA1275" s="255"/>
      <c r="AB1275" s="255"/>
      <c r="AC1275" s="255"/>
      <c r="AD1275" s="255"/>
      <c r="AE1275" s="255"/>
      <c r="AF1275" s="255"/>
      <c r="AG1275" s="255"/>
      <c r="AH1275" s="255"/>
      <c r="AI1275" s="255"/>
      <c r="AJ1275" s="255"/>
    </row>
    <row r="1276" spans="1:38" ht="13.5" customHeight="1">
      <c r="D1276" s="255"/>
      <c r="E1276" s="255"/>
      <c r="F1276" s="255"/>
      <c r="G1276" s="255"/>
      <c r="H1276" s="255"/>
      <c r="I1276" s="255"/>
      <c r="J1276" s="255"/>
      <c r="K1276" s="255"/>
      <c r="L1276" s="255"/>
      <c r="M1276" s="255"/>
      <c r="N1276" s="255"/>
      <c r="O1276" s="255"/>
      <c r="P1276" s="255"/>
      <c r="Q1276" s="255"/>
      <c r="R1276" s="255"/>
      <c r="S1276" s="255"/>
      <c r="T1276" s="255"/>
      <c r="U1276" s="255"/>
      <c r="V1276" s="255"/>
      <c r="W1276" s="255"/>
      <c r="X1276" s="255"/>
      <c r="Y1276" s="255"/>
      <c r="Z1276" s="255"/>
      <c r="AA1276" s="255"/>
      <c r="AB1276" s="255"/>
      <c r="AC1276" s="255"/>
      <c r="AD1276" s="255"/>
      <c r="AE1276" s="255"/>
      <c r="AF1276" s="255"/>
      <c r="AG1276" s="255"/>
      <c r="AH1276" s="255"/>
      <c r="AI1276" s="255"/>
      <c r="AJ1276" s="255"/>
    </row>
    <row r="1277" spans="1:38" ht="13">
      <c r="C1277" s="45"/>
      <c r="D1277" s="223"/>
      <c r="E1277" s="223"/>
      <c r="F1277" s="223"/>
      <c r="G1277" s="223"/>
      <c r="H1277" s="223"/>
      <c r="I1277" s="223"/>
      <c r="J1277" s="223"/>
      <c r="K1277" s="223"/>
      <c r="L1277" s="223"/>
      <c r="M1277" s="223"/>
      <c r="N1277" s="223"/>
      <c r="O1277" s="223"/>
      <c r="P1277" s="223"/>
      <c r="Q1277" s="223"/>
      <c r="R1277" s="223"/>
      <c r="S1277" s="223"/>
      <c r="T1277" s="223"/>
      <c r="U1277" s="223"/>
      <c r="V1277" s="223"/>
      <c r="W1277" s="223"/>
      <c r="X1277" s="223"/>
      <c r="Y1277" s="223"/>
      <c r="Z1277" s="223"/>
      <c r="AA1277" s="223"/>
      <c r="AB1277" s="223"/>
      <c r="AC1277" s="223"/>
      <c r="AD1277" s="223"/>
      <c r="AE1277" s="223"/>
      <c r="AF1277" s="223"/>
      <c r="AG1277" s="223"/>
      <c r="AH1277" s="223"/>
      <c r="AI1277" s="223"/>
      <c r="AJ1277" s="223"/>
      <c r="AK1277" s="44"/>
      <c r="AL1277" s="44"/>
    </row>
    <row r="1278" spans="1:38" ht="13">
      <c r="C1278" s="44" t="s">
        <v>59</v>
      </c>
      <c r="D1278" s="238" t="s">
        <v>451</v>
      </c>
      <c r="E1278" s="238"/>
      <c r="F1278" s="238"/>
      <c r="G1278" s="238"/>
      <c r="H1278" s="238"/>
      <c r="I1278" s="238"/>
      <c r="J1278" s="238"/>
      <c r="K1278" s="238"/>
      <c r="L1278" s="238"/>
      <c r="M1278" s="238"/>
      <c r="N1278" s="238"/>
      <c r="O1278" s="238"/>
      <c r="P1278" s="238"/>
      <c r="Q1278" s="238"/>
      <c r="R1278" s="238"/>
      <c r="S1278" s="238"/>
      <c r="T1278" s="238"/>
      <c r="U1278" s="238"/>
      <c r="V1278" s="238"/>
      <c r="W1278" s="238"/>
      <c r="X1278" s="238"/>
      <c r="Y1278" s="238"/>
      <c r="Z1278" s="238"/>
      <c r="AA1278" s="238"/>
      <c r="AB1278" s="238"/>
      <c r="AC1278" s="238"/>
      <c r="AD1278" s="238"/>
      <c r="AE1278" s="238"/>
      <c r="AF1278" s="238"/>
      <c r="AG1278" s="238"/>
      <c r="AH1278" s="238"/>
      <c r="AI1278" s="238"/>
      <c r="AJ1278" s="238"/>
      <c r="AK1278" s="44"/>
      <c r="AL1278" s="44"/>
    </row>
    <row r="1279" spans="1:38" ht="13.5" customHeight="1">
      <c r="D1279" s="238"/>
      <c r="E1279" s="238"/>
      <c r="F1279" s="238"/>
      <c r="G1279" s="238"/>
      <c r="H1279" s="238"/>
      <c r="I1279" s="238"/>
      <c r="J1279" s="238"/>
      <c r="K1279" s="238"/>
      <c r="L1279" s="238"/>
      <c r="M1279" s="238"/>
      <c r="N1279" s="238"/>
      <c r="O1279" s="238"/>
      <c r="P1279" s="238"/>
      <c r="Q1279" s="238"/>
      <c r="R1279" s="238"/>
      <c r="S1279" s="238"/>
      <c r="T1279" s="238"/>
      <c r="U1279" s="238"/>
      <c r="V1279" s="238"/>
      <c r="W1279" s="238"/>
      <c r="X1279" s="238"/>
      <c r="Y1279" s="238"/>
      <c r="Z1279" s="238"/>
      <c r="AA1279" s="238"/>
      <c r="AB1279" s="238"/>
      <c r="AC1279" s="238"/>
      <c r="AD1279" s="238"/>
      <c r="AE1279" s="238"/>
      <c r="AF1279" s="238"/>
      <c r="AG1279" s="238"/>
      <c r="AH1279" s="238"/>
      <c r="AI1279" s="238"/>
      <c r="AJ1279" s="238"/>
    </row>
    <row r="1280" spans="1:38" ht="13.5" customHeight="1">
      <c r="C1280" s="75" t="s">
        <v>59</v>
      </c>
      <c r="D1280" s="537" t="s">
        <v>650</v>
      </c>
      <c r="E1280" s="537"/>
      <c r="F1280" s="537"/>
      <c r="G1280" s="537"/>
      <c r="H1280" s="537"/>
      <c r="I1280" s="537"/>
      <c r="J1280" s="537"/>
      <c r="K1280" s="537"/>
      <c r="L1280" s="537"/>
      <c r="M1280" s="537"/>
      <c r="N1280" s="537"/>
      <c r="O1280" s="537"/>
      <c r="P1280" s="537"/>
      <c r="Q1280" s="537"/>
      <c r="R1280" s="537"/>
      <c r="S1280" s="537"/>
      <c r="T1280" s="537"/>
      <c r="U1280" s="537"/>
      <c r="V1280" s="537"/>
      <c r="W1280" s="537"/>
      <c r="X1280" s="537"/>
      <c r="Y1280" s="537"/>
      <c r="Z1280" s="537"/>
      <c r="AA1280" s="537"/>
      <c r="AB1280" s="537"/>
      <c r="AC1280" s="537"/>
      <c r="AD1280" s="537"/>
      <c r="AE1280" s="537"/>
      <c r="AF1280" s="537"/>
      <c r="AG1280" s="537"/>
      <c r="AH1280" s="537"/>
      <c r="AI1280" s="537"/>
      <c r="AJ1280" s="537"/>
    </row>
    <row r="1281" spans="1:38" ht="13.5" customHeight="1">
      <c r="C1281" s="76"/>
      <c r="D1281" s="537"/>
      <c r="E1281" s="537"/>
      <c r="F1281" s="537"/>
      <c r="G1281" s="537"/>
      <c r="H1281" s="537"/>
      <c r="I1281" s="537"/>
      <c r="J1281" s="537"/>
      <c r="K1281" s="537"/>
      <c r="L1281" s="537"/>
      <c r="M1281" s="537"/>
      <c r="N1281" s="537"/>
      <c r="O1281" s="537"/>
      <c r="P1281" s="537"/>
      <c r="Q1281" s="537"/>
      <c r="R1281" s="537"/>
      <c r="S1281" s="537"/>
      <c r="T1281" s="537"/>
      <c r="U1281" s="537"/>
      <c r="V1281" s="537"/>
      <c r="W1281" s="537"/>
      <c r="X1281" s="537"/>
      <c r="Y1281" s="537"/>
      <c r="Z1281" s="537"/>
      <c r="AA1281" s="537"/>
      <c r="AB1281" s="537"/>
      <c r="AC1281" s="537"/>
      <c r="AD1281" s="537"/>
      <c r="AE1281" s="537"/>
      <c r="AF1281" s="537"/>
      <c r="AG1281" s="537"/>
      <c r="AH1281" s="537"/>
      <c r="AI1281" s="537"/>
      <c r="AJ1281" s="537"/>
    </row>
    <row r="1282" spans="1:38" ht="13.5" customHeight="1">
      <c r="C1282" s="76"/>
      <c r="D1282" s="537"/>
      <c r="E1282" s="537"/>
      <c r="F1282" s="537"/>
      <c r="G1282" s="537"/>
      <c r="H1282" s="537"/>
      <c r="I1282" s="537"/>
      <c r="J1282" s="537"/>
      <c r="K1282" s="537"/>
      <c r="L1282" s="537"/>
      <c r="M1282" s="537"/>
      <c r="N1282" s="537"/>
      <c r="O1282" s="537"/>
      <c r="P1282" s="537"/>
      <c r="Q1282" s="537"/>
      <c r="R1282" s="537"/>
      <c r="S1282" s="537"/>
      <c r="T1282" s="537"/>
      <c r="U1282" s="537"/>
      <c r="V1282" s="537"/>
      <c r="W1282" s="537"/>
      <c r="X1282" s="537"/>
      <c r="Y1282" s="537"/>
      <c r="Z1282" s="537"/>
      <c r="AA1282" s="537"/>
      <c r="AB1282" s="537"/>
      <c r="AC1282" s="537"/>
      <c r="AD1282" s="537"/>
      <c r="AE1282" s="537"/>
      <c r="AF1282" s="537"/>
      <c r="AG1282" s="537"/>
      <c r="AH1282" s="537"/>
      <c r="AI1282" s="537"/>
      <c r="AJ1282" s="537"/>
    </row>
    <row r="1283" spans="1:38" ht="13.5" customHeight="1">
      <c r="C1283" s="76"/>
      <c r="D1283" s="77"/>
      <c r="E1283" s="77"/>
      <c r="F1283" s="77"/>
      <c r="G1283" s="77"/>
      <c r="H1283" s="77"/>
      <c r="I1283" s="77"/>
      <c r="J1283" s="77"/>
      <c r="K1283" s="77"/>
      <c r="L1283" s="77"/>
      <c r="M1283" s="77"/>
      <c r="N1283" s="77"/>
      <c r="O1283" s="77"/>
      <c r="P1283" s="77"/>
      <c r="Q1283" s="77"/>
      <c r="R1283" s="77"/>
      <c r="S1283" s="77"/>
      <c r="T1283" s="77"/>
      <c r="U1283" s="77"/>
      <c r="V1283" s="77"/>
      <c r="W1283" s="77"/>
      <c r="X1283" s="77"/>
      <c r="Y1283" s="77"/>
      <c r="Z1283" s="77"/>
      <c r="AA1283" s="77"/>
      <c r="AB1283" s="77"/>
      <c r="AC1283" s="77"/>
      <c r="AD1283" s="77"/>
      <c r="AE1283" s="77"/>
      <c r="AF1283" s="77"/>
      <c r="AG1283" s="77"/>
      <c r="AH1283" s="77"/>
      <c r="AI1283" s="77"/>
      <c r="AJ1283" s="77"/>
    </row>
    <row r="1284" spans="1:38" ht="13.5" customHeight="1">
      <c r="A1284" s="2" t="s">
        <v>154</v>
      </c>
    </row>
    <row r="1285" spans="1:38" ht="13.5" customHeight="1" thickBot="1">
      <c r="A1285" s="11" t="s">
        <v>246</v>
      </c>
    </row>
    <row r="1286" spans="1:38" ht="13.5" customHeight="1" thickTop="1">
      <c r="A1286" s="215">
        <v>126</v>
      </c>
      <c r="B1286" s="239"/>
      <c r="C1286" s="219" t="s">
        <v>598</v>
      </c>
      <c r="D1286" s="220"/>
      <c r="E1286" s="220"/>
      <c r="F1286" s="220"/>
      <c r="G1286" s="220"/>
      <c r="H1286" s="220"/>
      <c r="I1286" s="220"/>
      <c r="J1286" s="220"/>
      <c r="K1286" s="220"/>
      <c r="L1286" s="220"/>
      <c r="M1286" s="220"/>
      <c r="N1286" s="220"/>
      <c r="O1286" s="220"/>
      <c r="P1286" s="220"/>
      <c r="Q1286" s="220"/>
      <c r="R1286" s="220"/>
      <c r="S1286" s="220"/>
      <c r="T1286" s="220"/>
      <c r="U1286" s="220"/>
      <c r="V1286" s="220"/>
      <c r="W1286" s="220"/>
      <c r="X1286" s="220"/>
      <c r="Y1286" s="220"/>
      <c r="Z1286" s="220"/>
      <c r="AA1286" s="220"/>
      <c r="AB1286" s="220"/>
      <c r="AC1286" s="220"/>
      <c r="AD1286" s="220"/>
      <c r="AE1286" s="220"/>
      <c r="AF1286" s="220"/>
      <c r="AG1286" s="220"/>
      <c r="AH1286" s="220"/>
      <c r="AI1286" s="220"/>
      <c r="AJ1286" s="220"/>
      <c r="AK1286" s="227"/>
      <c r="AL1286" s="228"/>
    </row>
    <row r="1287" spans="1:38" ht="13.5" customHeight="1" thickBot="1">
      <c r="A1287" s="217"/>
      <c r="B1287" s="240"/>
      <c r="C1287" s="222"/>
      <c r="D1287" s="315"/>
      <c r="E1287" s="315"/>
      <c r="F1287" s="315"/>
      <c r="G1287" s="315"/>
      <c r="H1287" s="315"/>
      <c r="I1287" s="315"/>
      <c r="J1287" s="315"/>
      <c r="K1287" s="315"/>
      <c r="L1287" s="315"/>
      <c r="M1287" s="315"/>
      <c r="N1287" s="315"/>
      <c r="O1287" s="315"/>
      <c r="P1287" s="315"/>
      <c r="Q1287" s="315"/>
      <c r="R1287" s="315"/>
      <c r="S1287" s="315"/>
      <c r="T1287" s="315"/>
      <c r="U1287" s="315"/>
      <c r="V1287" s="315"/>
      <c r="W1287" s="315"/>
      <c r="X1287" s="315"/>
      <c r="Y1287" s="315"/>
      <c r="Z1287" s="315"/>
      <c r="AA1287" s="315"/>
      <c r="AB1287" s="315"/>
      <c r="AC1287" s="315"/>
      <c r="AD1287" s="315"/>
      <c r="AE1287" s="315"/>
      <c r="AF1287" s="315"/>
      <c r="AG1287" s="315"/>
      <c r="AH1287" s="315"/>
      <c r="AI1287" s="315"/>
      <c r="AJ1287" s="315"/>
      <c r="AK1287" s="229"/>
      <c r="AL1287" s="230"/>
    </row>
    <row r="1288" spans="1:38" ht="13.5" customHeight="1" thickTop="1">
      <c r="A1288" s="47"/>
      <c r="B1288" s="47"/>
      <c r="C1288" s="225"/>
      <c r="D1288" s="226"/>
      <c r="E1288" s="226"/>
      <c r="F1288" s="226"/>
      <c r="G1288" s="226"/>
      <c r="H1288" s="226"/>
      <c r="I1288" s="226"/>
      <c r="J1288" s="226"/>
      <c r="K1288" s="226"/>
      <c r="L1288" s="226"/>
      <c r="M1288" s="226"/>
      <c r="N1288" s="226"/>
      <c r="O1288" s="226"/>
      <c r="P1288" s="226"/>
      <c r="Q1288" s="226"/>
      <c r="R1288" s="226"/>
      <c r="S1288" s="226"/>
      <c r="T1288" s="226"/>
      <c r="U1288" s="226"/>
      <c r="V1288" s="226"/>
      <c r="W1288" s="226"/>
      <c r="X1288" s="226"/>
      <c r="Y1288" s="226"/>
      <c r="Z1288" s="226"/>
      <c r="AA1288" s="226"/>
      <c r="AB1288" s="226"/>
      <c r="AC1288" s="226"/>
      <c r="AD1288" s="226"/>
      <c r="AE1288" s="226"/>
      <c r="AF1288" s="226"/>
      <c r="AG1288" s="226"/>
      <c r="AH1288" s="226"/>
      <c r="AI1288" s="226"/>
      <c r="AJ1288" s="318"/>
      <c r="AK1288" s="46"/>
      <c r="AL1288" s="46"/>
    </row>
    <row r="1289" spans="1:38" ht="13.5" customHeight="1" thickBot="1">
      <c r="A1289" s="47"/>
      <c r="B1289" s="47"/>
      <c r="C1289" s="37"/>
      <c r="D1289" s="37"/>
      <c r="E1289" s="37"/>
      <c r="F1289" s="37"/>
      <c r="G1289" s="37"/>
      <c r="H1289" s="37"/>
      <c r="I1289" s="37"/>
      <c r="J1289" s="37"/>
      <c r="K1289" s="37"/>
      <c r="L1289" s="37"/>
      <c r="M1289" s="37"/>
      <c r="N1289" s="37"/>
      <c r="O1289" s="37"/>
      <c r="P1289" s="37"/>
      <c r="Q1289" s="37"/>
      <c r="R1289" s="37"/>
      <c r="S1289" s="37"/>
      <c r="T1289" s="37"/>
      <c r="U1289" s="37"/>
      <c r="V1289" s="37"/>
      <c r="W1289" s="37"/>
      <c r="X1289" s="37"/>
      <c r="Y1289" s="37"/>
      <c r="Z1289" s="37"/>
      <c r="AA1289" s="37"/>
      <c r="AB1289" s="37"/>
      <c r="AC1289" s="37"/>
      <c r="AD1289" s="37"/>
      <c r="AE1289" s="37"/>
      <c r="AF1289" s="37"/>
      <c r="AG1289" s="37"/>
      <c r="AH1289" s="37"/>
      <c r="AI1289" s="37"/>
      <c r="AJ1289" s="37"/>
      <c r="AK1289" s="46"/>
      <c r="AL1289" s="46"/>
    </row>
    <row r="1290" spans="1:38" ht="13.5" customHeight="1" thickTop="1">
      <c r="A1290" s="215">
        <v>127</v>
      </c>
      <c r="B1290" s="216"/>
      <c r="C1290" s="219" t="s">
        <v>599</v>
      </c>
      <c r="D1290" s="220"/>
      <c r="E1290" s="220"/>
      <c r="F1290" s="220"/>
      <c r="G1290" s="220"/>
      <c r="H1290" s="220"/>
      <c r="I1290" s="220"/>
      <c r="J1290" s="220"/>
      <c r="K1290" s="220"/>
      <c r="L1290" s="220"/>
      <c r="M1290" s="220"/>
      <c r="N1290" s="220"/>
      <c r="O1290" s="220"/>
      <c r="P1290" s="220"/>
      <c r="Q1290" s="220"/>
      <c r="R1290" s="220"/>
      <c r="S1290" s="220"/>
      <c r="T1290" s="220"/>
      <c r="U1290" s="220"/>
      <c r="V1290" s="220"/>
      <c r="W1290" s="220"/>
      <c r="X1290" s="220"/>
      <c r="Y1290" s="220"/>
      <c r="Z1290" s="220"/>
      <c r="AA1290" s="220"/>
      <c r="AB1290" s="220"/>
      <c r="AC1290" s="220"/>
      <c r="AD1290" s="220"/>
      <c r="AE1290" s="220"/>
      <c r="AF1290" s="220"/>
      <c r="AG1290" s="220"/>
      <c r="AH1290" s="220"/>
      <c r="AI1290" s="220"/>
      <c r="AJ1290" s="221"/>
      <c r="AK1290" s="227"/>
      <c r="AL1290" s="228"/>
    </row>
    <row r="1291" spans="1:38" ht="13.5" customHeight="1" thickBot="1">
      <c r="A1291" s="217"/>
      <c r="B1291" s="218"/>
      <c r="C1291" s="225"/>
      <c r="D1291" s="226"/>
      <c r="E1291" s="226"/>
      <c r="F1291" s="226"/>
      <c r="G1291" s="226"/>
      <c r="H1291" s="226"/>
      <c r="I1291" s="226"/>
      <c r="J1291" s="226"/>
      <c r="K1291" s="226"/>
      <c r="L1291" s="226"/>
      <c r="M1291" s="226"/>
      <c r="N1291" s="226"/>
      <c r="O1291" s="226"/>
      <c r="P1291" s="226"/>
      <c r="Q1291" s="226"/>
      <c r="R1291" s="226"/>
      <c r="S1291" s="226"/>
      <c r="T1291" s="226"/>
      <c r="U1291" s="226"/>
      <c r="V1291" s="226"/>
      <c r="W1291" s="226"/>
      <c r="X1291" s="226"/>
      <c r="Y1291" s="226"/>
      <c r="Z1291" s="226"/>
      <c r="AA1291" s="226"/>
      <c r="AB1291" s="226"/>
      <c r="AC1291" s="226"/>
      <c r="AD1291" s="226"/>
      <c r="AE1291" s="226"/>
      <c r="AF1291" s="226"/>
      <c r="AG1291" s="226"/>
      <c r="AH1291" s="226"/>
      <c r="AI1291" s="226"/>
      <c r="AJ1291" s="241"/>
      <c r="AK1291" s="229"/>
      <c r="AL1291" s="230"/>
    </row>
    <row r="1292" spans="1:38" ht="14" thickTop="1" thickBot="1"/>
    <row r="1293" spans="1:38" ht="13.5" customHeight="1" thickTop="1">
      <c r="A1293" s="215">
        <v>128</v>
      </c>
      <c r="B1293" s="239"/>
      <c r="C1293" s="219" t="s">
        <v>600</v>
      </c>
      <c r="D1293" s="220"/>
      <c r="E1293" s="220"/>
      <c r="F1293" s="220"/>
      <c r="G1293" s="220"/>
      <c r="H1293" s="220"/>
      <c r="I1293" s="220"/>
      <c r="J1293" s="220"/>
      <c r="K1293" s="220"/>
      <c r="L1293" s="220"/>
      <c r="M1293" s="220"/>
      <c r="N1293" s="220"/>
      <c r="O1293" s="220"/>
      <c r="P1293" s="220"/>
      <c r="Q1293" s="220"/>
      <c r="R1293" s="220"/>
      <c r="S1293" s="220"/>
      <c r="T1293" s="220"/>
      <c r="U1293" s="220"/>
      <c r="V1293" s="220"/>
      <c r="W1293" s="220"/>
      <c r="X1293" s="220"/>
      <c r="Y1293" s="220"/>
      <c r="Z1293" s="220"/>
      <c r="AA1293" s="220"/>
      <c r="AB1293" s="220"/>
      <c r="AC1293" s="220"/>
      <c r="AD1293" s="220"/>
      <c r="AE1293" s="220"/>
      <c r="AF1293" s="220"/>
      <c r="AG1293" s="220"/>
      <c r="AH1293" s="220"/>
      <c r="AI1293" s="220"/>
      <c r="AJ1293" s="221"/>
      <c r="AK1293" s="227"/>
      <c r="AL1293" s="228"/>
    </row>
    <row r="1294" spans="1:38" ht="13.5" customHeight="1" thickBot="1">
      <c r="A1294" s="217"/>
      <c r="B1294" s="240"/>
      <c r="C1294" s="222"/>
      <c r="D1294" s="223"/>
      <c r="E1294" s="223"/>
      <c r="F1294" s="223"/>
      <c r="G1294" s="223"/>
      <c r="H1294" s="223"/>
      <c r="I1294" s="223"/>
      <c r="J1294" s="223"/>
      <c r="K1294" s="223"/>
      <c r="L1294" s="223"/>
      <c r="M1294" s="223"/>
      <c r="N1294" s="223"/>
      <c r="O1294" s="223"/>
      <c r="P1294" s="223"/>
      <c r="Q1294" s="223"/>
      <c r="R1294" s="223"/>
      <c r="S1294" s="223"/>
      <c r="T1294" s="223"/>
      <c r="U1294" s="223"/>
      <c r="V1294" s="223"/>
      <c r="W1294" s="223"/>
      <c r="X1294" s="223"/>
      <c r="Y1294" s="223"/>
      <c r="Z1294" s="223"/>
      <c r="AA1294" s="223"/>
      <c r="AB1294" s="223"/>
      <c r="AC1294" s="223"/>
      <c r="AD1294" s="223"/>
      <c r="AE1294" s="223"/>
      <c r="AF1294" s="223"/>
      <c r="AG1294" s="223"/>
      <c r="AH1294" s="223"/>
      <c r="AI1294" s="223"/>
      <c r="AJ1294" s="224"/>
      <c r="AK1294" s="229"/>
      <c r="AL1294" s="230"/>
    </row>
    <row r="1295" spans="1:38" ht="13.5" customHeight="1" thickTop="1">
      <c r="A1295" s="48"/>
      <c r="B1295" s="48"/>
      <c r="C1295" s="225"/>
      <c r="D1295" s="226"/>
      <c r="E1295" s="226"/>
      <c r="F1295" s="226"/>
      <c r="G1295" s="226"/>
      <c r="H1295" s="226"/>
      <c r="I1295" s="226"/>
      <c r="J1295" s="226"/>
      <c r="K1295" s="226"/>
      <c r="L1295" s="226"/>
      <c r="M1295" s="226"/>
      <c r="N1295" s="226"/>
      <c r="O1295" s="226"/>
      <c r="P1295" s="226"/>
      <c r="Q1295" s="226"/>
      <c r="R1295" s="226"/>
      <c r="S1295" s="226"/>
      <c r="T1295" s="226"/>
      <c r="U1295" s="226"/>
      <c r="V1295" s="226"/>
      <c r="W1295" s="226"/>
      <c r="X1295" s="226"/>
      <c r="Y1295" s="226"/>
      <c r="Z1295" s="226"/>
      <c r="AA1295" s="226"/>
      <c r="AB1295" s="226"/>
      <c r="AC1295" s="226"/>
      <c r="AD1295" s="226"/>
      <c r="AE1295" s="226"/>
      <c r="AF1295" s="226"/>
      <c r="AG1295" s="226"/>
      <c r="AH1295" s="226"/>
      <c r="AI1295" s="226"/>
      <c r="AJ1295" s="226"/>
      <c r="AK1295" s="3"/>
      <c r="AL1295" s="44"/>
    </row>
    <row r="1296" spans="1:38" ht="13.5" customHeight="1">
      <c r="C1296" s="1" t="s">
        <v>59</v>
      </c>
      <c r="D1296" s="256" t="s">
        <v>428</v>
      </c>
      <c r="E1296" s="256"/>
      <c r="F1296" s="256"/>
      <c r="G1296" s="256"/>
      <c r="H1296" s="256"/>
      <c r="I1296" s="256"/>
      <c r="J1296" s="256"/>
      <c r="K1296" s="256"/>
      <c r="L1296" s="256"/>
      <c r="M1296" s="256"/>
      <c r="N1296" s="256"/>
      <c r="O1296" s="256"/>
      <c r="P1296" s="256"/>
      <c r="Q1296" s="256"/>
      <c r="R1296" s="256"/>
      <c r="S1296" s="256"/>
      <c r="T1296" s="256"/>
      <c r="U1296" s="256"/>
      <c r="V1296" s="256"/>
      <c r="W1296" s="256"/>
      <c r="X1296" s="256"/>
      <c r="Y1296" s="256"/>
      <c r="Z1296" s="256"/>
      <c r="AA1296" s="256"/>
      <c r="AB1296" s="256"/>
      <c r="AC1296" s="256"/>
      <c r="AD1296" s="256"/>
      <c r="AE1296" s="256"/>
      <c r="AF1296" s="256"/>
      <c r="AG1296" s="256"/>
      <c r="AH1296" s="256"/>
      <c r="AI1296" s="256"/>
      <c r="AJ1296" s="256"/>
    </row>
    <row r="1297" spans="2:38" ht="13.5" customHeight="1">
      <c r="C1297" s="1" t="s">
        <v>59</v>
      </c>
      <c r="D1297" s="255" t="s">
        <v>362</v>
      </c>
      <c r="E1297" s="255"/>
      <c r="F1297" s="255"/>
      <c r="G1297" s="255"/>
      <c r="H1297" s="255"/>
      <c r="I1297" s="255"/>
      <c r="J1297" s="255"/>
      <c r="K1297" s="255"/>
      <c r="L1297" s="255"/>
      <c r="M1297" s="255"/>
      <c r="N1297" s="255"/>
      <c r="O1297" s="255"/>
      <c r="P1297" s="255"/>
      <c r="Q1297" s="255"/>
      <c r="R1297" s="255"/>
      <c r="S1297" s="255"/>
      <c r="T1297" s="255"/>
      <c r="U1297" s="255"/>
      <c r="V1297" s="255"/>
      <c r="W1297" s="255"/>
      <c r="X1297" s="255"/>
      <c r="Y1297" s="255"/>
      <c r="Z1297" s="255"/>
      <c r="AA1297" s="255"/>
      <c r="AB1297" s="255"/>
      <c r="AC1297" s="255"/>
      <c r="AD1297" s="255"/>
      <c r="AE1297" s="255"/>
      <c r="AF1297" s="255"/>
      <c r="AG1297" s="255"/>
      <c r="AH1297" s="255"/>
      <c r="AI1297" s="255"/>
      <c r="AJ1297" s="255"/>
    </row>
    <row r="1298" spans="2:38" ht="13.5" customHeight="1">
      <c r="D1298" s="223"/>
      <c r="E1298" s="223"/>
      <c r="F1298" s="223"/>
      <c r="G1298" s="223"/>
      <c r="H1298" s="223"/>
      <c r="I1298" s="223"/>
      <c r="J1298" s="223"/>
      <c r="K1298" s="223"/>
      <c r="L1298" s="223"/>
      <c r="M1298" s="223"/>
      <c r="N1298" s="223"/>
      <c r="O1298" s="223"/>
      <c r="P1298" s="223"/>
      <c r="Q1298" s="223"/>
      <c r="R1298" s="223"/>
      <c r="S1298" s="223"/>
      <c r="T1298" s="223"/>
      <c r="U1298" s="223"/>
      <c r="V1298" s="223"/>
      <c r="W1298" s="223"/>
      <c r="X1298" s="223"/>
      <c r="Y1298" s="223"/>
      <c r="Z1298" s="223"/>
      <c r="AA1298" s="223"/>
      <c r="AB1298" s="223"/>
      <c r="AC1298" s="223"/>
      <c r="AD1298" s="223"/>
      <c r="AE1298" s="223"/>
      <c r="AF1298" s="223"/>
      <c r="AG1298" s="223"/>
      <c r="AH1298" s="223"/>
      <c r="AI1298" s="223"/>
      <c r="AJ1298" s="223"/>
    </row>
    <row r="1299" spans="2:38" ht="13.5" customHeight="1">
      <c r="C1299" s="1" t="s">
        <v>59</v>
      </c>
      <c r="D1299" s="255" t="s">
        <v>363</v>
      </c>
      <c r="E1299" s="255"/>
      <c r="F1299" s="255"/>
      <c r="G1299" s="255"/>
      <c r="H1299" s="255"/>
      <c r="I1299" s="255"/>
      <c r="J1299" s="255"/>
      <c r="K1299" s="255"/>
      <c r="L1299" s="255"/>
      <c r="M1299" s="255"/>
      <c r="N1299" s="255"/>
      <c r="O1299" s="255"/>
      <c r="P1299" s="255"/>
      <c r="Q1299" s="255"/>
      <c r="R1299" s="255"/>
      <c r="S1299" s="255"/>
      <c r="T1299" s="255"/>
      <c r="U1299" s="255"/>
      <c r="V1299" s="255"/>
      <c r="W1299" s="255"/>
      <c r="X1299" s="255"/>
      <c r="Y1299" s="255"/>
      <c r="Z1299" s="255"/>
      <c r="AA1299" s="255"/>
      <c r="AB1299" s="255"/>
      <c r="AC1299" s="255"/>
      <c r="AD1299" s="255"/>
      <c r="AE1299" s="255"/>
      <c r="AF1299" s="255"/>
      <c r="AG1299" s="255"/>
      <c r="AH1299" s="255"/>
      <c r="AI1299" s="255"/>
      <c r="AJ1299" s="255"/>
    </row>
    <row r="1300" spans="2:38" ht="13.5" customHeight="1">
      <c r="C1300" s="1" t="s">
        <v>59</v>
      </c>
      <c r="D1300" s="255" t="s">
        <v>364</v>
      </c>
      <c r="E1300" s="255"/>
      <c r="F1300" s="255"/>
      <c r="G1300" s="255"/>
      <c r="H1300" s="255"/>
      <c r="I1300" s="255"/>
      <c r="J1300" s="255"/>
      <c r="K1300" s="255"/>
      <c r="L1300" s="255"/>
      <c r="M1300" s="255"/>
      <c r="N1300" s="255"/>
      <c r="O1300" s="255"/>
      <c r="P1300" s="255"/>
      <c r="Q1300" s="255"/>
      <c r="R1300" s="255"/>
      <c r="S1300" s="255"/>
      <c r="T1300" s="255"/>
      <c r="U1300" s="255"/>
      <c r="V1300" s="255"/>
      <c r="W1300" s="255"/>
      <c r="X1300" s="255"/>
      <c r="Y1300" s="255"/>
      <c r="Z1300" s="255"/>
      <c r="AA1300" s="255"/>
      <c r="AB1300" s="255"/>
      <c r="AC1300" s="255"/>
      <c r="AD1300" s="255"/>
      <c r="AE1300" s="255"/>
      <c r="AF1300" s="255"/>
      <c r="AG1300" s="255"/>
      <c r="AH1300" s="255"/>
      <c r="AI1300" s="255"/>
      <c r="AJ1300" s="255"/>
    </row>
    <row r="1301" spans="2:38" s="28" customFormat="1" ht="13"/>
    <row r="1302" spans="2:38" s="28" customFormat="1" thickBot="1">
      <c r="C1302" s="28" t="s">
        <v>365</v>
      </c>
    </row>
    <row r="1303" spans="2:38" s="28" customFormat="1" thickTop="1">
      <c r="B1303" s="30"/>
      <c r="C1303" s="242" t="s">
        <v>452</v>
      </c>
      <c r="D1303" s="243"/>
      <c r="E1303" s="243"/>
      <c r="F1303" s="243"/>
      <c r="G1303" s="243"/>
      <c r="H1303" s="243"/>
      <c r="I1303" s="243"/>
      <c r="J1303" s="243"/>
      <c r="K1303" s="243"/>
      <c r="L1303" s="243"/>
      <c r="M1303" s="243"/>
      <c r="N1303" s="243"/>
      <c r="O1303" s="243"/>
      <c r="P1303" s="243"/>
      <c r="Q1303" s="243"/>
      <c r="R1303" s="243"/>
      <c r="S1303" s="243"/>
      <c r="T1303" s="243"/>
      <c r="U1303" s="243"/>
      <c r="V1303" s="243"/>
      <c r="W1303" s="243"/>
      <c r="X1303" s="243"/>
      <c r="Y1303" s="243"/>
      <c r="Z1303" s="243"/>
      <c r="AA1303" s="243"/>
      <c r="AB1303" s="243"/>
      <c r="AC1303" s="243"/>
      <c r="AD1303" s="243"/>
      <c r="AE1303" s="243"/>
      <c r="AF1303" s="243"/>
      <c r="AG1303" s="243"/>
      <c r="AH1303" s="243"/>
      <c r="AI1303" s="243"/>
      <c r="AJ1303" s="244"/>
      <c r="AK1303" s="257"/>
      <c r="AL1303" s="258"/>
    </row>
    <row r="1304" spans="2:38" s="28" customFormat="1" thickBot="1">
      <c r="B1304" s="30"/>
      <c r="C1304" s="245"/>
      <c r="D1304" s="246"/>
      <c r="E1304" s="246"/>
      <c r="F1304" s="246"/>
      <c r="G1304" s="246"/>
      <c r="H1304" s="246"/>
      <c r="I1304" s="246"/>
      <c r="J1304" s="246"/>
      <c r="K1304" s="246"/>
      <c r="L1304" s="246"/>
      <c r="M1304" s="246"/>
      <c r="N1304" s="246"/>
      <c r="O1304" s="246"/>
      <c r="P1304" s="246"/>
      <c r="Q1304" s="246"/>
      <c r="R1304" s="246"/>
      <c r="S1304" s="246"/>
      <c r="T1304" s="246"/>
      <c r="U1304" s="246"/>
      <c r="V1304" s="246"/>
      <c r="W1304" s="246"/>
      <c r="X1304" s="246"/>
      <c r="Y1304" s="246"/>
      <c r="Z1304" s="246"/>
      <c r="AA1304" s="246"/>
      <c r="AB1304" s="246"/>
      <c r="AC1304" s="246"/>
      <c r="AD1304" s="246"/>
      <c r="AE1304" s="246"/>
      <c r="AF1304" s="246"/>
      <c r="AG1304" s="246"/>
      <c r="AH1304" s="246"/>
      <c r="AI1304" s="246"/>
      <c r="AJ1304" s="247"/>
      <c r="AK1304" s="259"/>
      <c r="AL1304" s="260"/>
    </row>
    <row r="1305" spans="2:38" s="28" customFormat="1" thickTop="1">
      <c r="B1305" s="30"/>
      <c r="C1305" s="242" t="s">
        <v>453</v>
      </c>
      <c r="D1305" s="243"/>
      <c r="E1305" s="243"/>
      <c r="F1305" s="243"/>
      <c r="G1305" s="243"/>
      <c r="H1305" s="243"/>
      <c r="I1305" s="243"/>
      <c r="J1305" s="243"/>
      <c r="K1305" s="243"/>
      <c r="L1305" s="243"/>
      <c r="M1305" s="243"/>
      <c r="N1305" s="243"/>
      <c r="O1305" s="243"/>
      <c r="P1305" s="243"/>
      <c r="Q1305" s="243"/>
      <c r="R1305" s="243"/>
      <c r="S1305" s="243"/>
      <c r="T1305" s="243"/>
      <c r="U1305" s="243"/>
      <c r="V1305" s="243"/>
      <c r="W1305" s="243"/>
      <c r="X1305" s="243"/>
      <c r="Y1305" s="243"/>
      <c r="Z1305" s="243"/>
      <c r="AA1305" s="243"/>
      <c r="AB1305" s="243"/>
      <c r="AC1305" s="243"/>
      <c r="AD1305" s="243"/>
      <c r="AE1305" s="243"/>
      <c r="AF1305" s="243"/>
      <c r="AG1305" s="243"/>
      <c r="AH1305" s="243"/>
      <c r="AI1305" s="243"/>
      <c r="AJ1305" s="244"/>
      <c r="AK1305" s="257"/>
      <c r="AL1305" s="258"/>
    </row>
    <row r="1306" spans="2:38" s="28" customFormat="1" thickBot="1">
      <c r="B1306" s="30"/>
      <c r="C1306" s="245"/>
      <c r="D1306" s="246"/>
      <c r="E1306" s="246"/>
      <c r="F1306" s="246"/>
      <c r="G1306" s="246"/>
      <c r="H1306" s="246"/>
      <c r="I1306" s="246"/>
      <c r="J1306" s="246"/>
      <c r="K1306" s="246"/>
      <c r="L1306" s="246"/>
      <c r="M1306" s="246"/>
      <c r="N1306" s="246"/>
      <c r="O1306" s="246"/>
      <c r="P1306" s="246"/>
      <c r="Q1306" s="246"/>
      <c r="R1306" s="246"/>
      <c r="S1306" s="246"/>
      <c r="T1306" s="246"/>
      <c r="U1306" s="246"/>
      <c r="V1306" s="246"/>
      <c r="W1306" s="246"/>
      <c r="X1306" s="246"/>
      <c r="Y1306" s="246"/>
      <c r="Z1306" s="246"/>
      <c r="AA1306" s="246"/>
      <c r="AB1306" s="246"/>
      <c r="AC1306" s="246"/>
      <c r="AD1306" s="246"/>
      <c r="AE1306" s="246"/>
      <c r="AF1306" s="246"/>
      <c r="AG1306" s="246"/>
      <c r="AH1306" s="246"/>
      <c r="AI1306" s="246"/>
      <c r="AJ1306" s="247"/>
      <c r="AK1306" s="259"/>
      <c r="AL1306" s="260"/>
    </row>
    <row r="1307" spans="2:38" s="28" customFormat="1" thickTop="1">
      <c r="B1307" s="30"/>
      <c r="C1307" s="242" t="s">
        <v>454</v>
      </c>
      <c r="D1307" s="243"/>
      <c r="E1307" s="243"/>
      <c r="F1307" s="243"/>
      <c r="G1307" s="243"/>
      <c r="H1307" s="243"/>
      <c r="I1307" s="243"/>
      <c r="J1307" s="243"/>
      <c r="K1307" s="243"/>
      <c r="L1307" s="243"/>
      <c r="M1307" s="243"/>
      <c r="N1307" s="243"/>
      <c r="O1307" s="243"/>
      <c r="P1307" s="243"/>
      <c r="Q1307" s="243"/>
      <c r="R1307" s="243"/>
      <c r="S1307" s="243"/>
      <c r="T1307" s="243"/>
      <c r="U1307" s="243"/>
      <c r="V1307" s="243"/>
      <c r="W1307" s="243"/>
      <c r="X1307" s="243"/>
      <c r="Y1307" s="243"/>
      <c r="Z1307" s="243"/>
      <c r="AA1307" s="243"/>
      <c r="AB1307" s="243"/>
      <c r="AC1307" s="243"/>
      <c r="AD1307" s="243"/>
      <c r="AE1307" s="243"/>
      <c r="AF1307" s="243"/>
      <c r="AG1307" s="243"/>
      <c r="AH1307" s="243"/>
      <c r="AI1307" s="243"/>
      <c r="AJ1307" s="244"/>
      <c r="AK1307" s="257"/>
      <c r="AL1307" s="258"/>
    </row>
    <row r="1308" spans="2:38" s="28" customFormat="1" thickBot="1">
      <c r="B1308" s="30"/>
      <c r="C1308" s="245"/>
      <c r="D1308" s="246"/>
      <c r="E1308" s="246"/>
      <c r="F1308" s="246"/>
      <c r="G1308" s="246"/>
      <c r="H1308" s="246"/>
      <c r="I1308" s="246"/>
      <c r="J1308" s="246"/>
      <c r="K1308" s="246"/>
      <c r="L1308" s="246"/>
      <c r="M1308" s="246"/>
      <c r="N1308" s="246"/>
      <c r="O1308" s="246"/>
      <c r="P1308" s="246"/>
      <c r="Q1308" s="246"/>
      <c r="R1308" s="246"/>
      <c r="S1308" s="246"/>
      <c r="T1308" s="246"/>
      <c r="U1308" s="246"/>
      <c r="V1308" s="246"/>
      <c r="W1308" s="246"/>
      <c r="X1308" s="246"/>
      <c r="Y1308" s="246"/>
      <c r="Z1308" s="246"/>
      <c r="AA1308" s="246"/>
      <c r="AB1308" s="246"/>
      <c r="AC1308" s="246"/>
      <c r="AD1308" s="246"/>
      <c r="AE1308" s="246"/>
      <c r="AF1308" s="246"/>
      <c r="AG1308" s="246"/>
      <c r="AH1308" s="246"/>
      <c r="AI1308" s="246"/>
      <c r="AJ1308" s="247"/>
      <c r="AK1308" s="259"/>
      <c r="AL1308" s="260"/>
    </row>
    <row r="1309" spans="2:38" ht="14" thickTop="1" thickBot="1"/>
    <row r="1310" spans="2:38" thickTop="1">
      <c r="B1310" s="7"/>
      <c r="C1310" s="231" t="s">
        <v>455</v>
      </c>
      <c r="D1310" s="232"/>
      <c r="E1310" s="232"/>
      <c r="F1310" s="232"/>
      <c r="G1310" s="232"/>
      <c r="H1310" s="232"/>
      <c r="I1310" s="232"/>
      <c r="J1310" s="232"/>
      <c r="K1310" s="232"/>
      <c r="L1310" s="232"/>
      <c r="M1310" s="232"/>
      <c r="N1310" s="232"/>
      <c r="O1310" s="232"/>
      <c r="P1310" s="232"/>
      <c r="Q1310" s="232"/>
      <c r="R1310" s="232"/>
      <c r="S1310" s="232"/>
      <c r="T1310" s="232"/>
      <c r="U1310" s="232"/>
      <c r="V1310" s="232"/>
      <c r="W1310" s="232"/>
      <c r="X1310" s="232"/>
      <c r="Y1310" s="232"/>
      <c r="Z1310" s="232"/>
      <c r="AA1310" s="232"/>
      <c r="AB1310" s="232"/>
      <c r="AC1310" s="232"/>
      <c r="AD1310" s="232"/>
      <c r="AE1310" s="232"/>
      <c r="AF1310" s="232"/>
      <c r="AG1310" s="232"/>
      <c r="AH1310" s="232"/>
      <c r="AI1310" s="232"/>
      <c r="AJ1310" s="233"/>
      <c r="AK1310" s="227"/>
      <c r="AL1310" s="228"/>
    </row>
    <row r="1311" spans="2:38" thickBot="1">
      <c r="B1311" s="7"/>
      <c r="C1311" s="322"/>
      <c r="D1311" s="223"/>
      <c r="E1311" s="223"/>
      <c r="F1311" s="223"/>
      <c r="G1311" s="223"/>
      <c r="H1311" s="223"/>
      <c r="I1311" s="223"/>
      <c r="J1311" s="223"/>
      <c r="K1311" s="223"/>
      <c r="L1311" s="223"/>
      <c r="M1311" s="223"/>
      <c r="N1311" s="223"/>
      <c r="O1311" s="223"/>
      <c r="P1311" s="223"/>
      <c r="Q1311" s="223"/>
      <c r="R1311" s="223"/>
      <c r="S1311" s="223"/>
      <c r="T1311" s="223"/>
      <c r="U1311" s="223"/>
      <c r="V1311" s="223"/>
      <c r="W1311" s="223"/>
      <c r="X1311" s="223"/>
      <c r="Y1311" s="223"/>
      <c r="Z1311" s="223"/>
      <c r="AA1311" s="223"/>
      <c r="AB1311" s="223"/>
      <c r="AC1311" s="223"/>
      <c r="AD1311" s="223"/>
      <c r="AE1311" s="223"/>
      <c r="AF1311" s="223"/>
      <c r="AG1311" s="223"/>
      <c r="AH1311" s="223"/>
      <c r="AI1311" s="223"/>
      <c r="AJ1311" s="224"/>
      <c r="AK1311" s="229"/>
      <c r="AL1311" s="230"/>
    </row>
    <row r="1312" spans="2:38" ht="14" thickTop="1" thickBot="1">
      <c r="B1312" s="7"/>
      <c r="C1312" s="234"/>
      <c r="D1312" s="235"/>
      <c r="E1312" s="235"/>
      <c r="F1312" s="235"/>
      <c r="G1312" s="235"/>
      <c r="H1312" s="235"/>
      <c r="I1312" s="235"/>
      <c r="J1312" s="235"/>
      <c r="K1312" s="235"/>
      <c r="L1312" s="235"/>
      <c r="M1312" s="235"/>
      <c r="N1312" s="235"/>
      <c r="O1312" s="235"/>
      <c r="P1312" s="235"/>
      <c r="Q1312" s="235"/>
      <c r="R1312" s="235"/>
      <c r="S1312" s="235"/>
      <c r="T1312" s="235"/>
      <c r="U1312" s="235"/>
      <c r="V1312" s="235"/>
      <c r="W1312" s="235"/>
      <c r="X1312" s="235"/>
      <c r="Y1312" s="235"/>
      <c r="Z1312" s="235"/>
      <c r="AA1312" s="235"/>
      <c r="AB1312" s="235"/>
      <c r="AC1312" s="235"/>
      <c r="AD1312" s="235"/>
      <c r="AE1312" s="235"/>
      <c r="AF1312" s="235"/>
      <c r="AG1312" s="235"/>
      <c r="AH1312" s="235"/>
      <c r="AI1312" s="235"/>
      <c r="AJ1312" s="235"/>
      <c r="AK1312" s="12"/>
      <c r="AL1312" s="53"/>
    </row>
    <row r="1313" spans="2:38" thickTop="1">
      <c r="B1313" s="7"/>
      <c r="C1313" s="231" t="s">
        <v>417</v>
      </c>
      <c r="D1313" s="232"/>
      <c r="E1313" s="232"/>
      <c r="F1313" s="232"/>
      <c r="G1313" s="232"/>
      <c r="H1313" s="232"/>
      <c r="I1313" s="232"/>
      <c r="J1313" s="232"/>
      <c r="K1313" s="232"/>
      <c r="L1313" s="232"/>
      <c r="M1313" s="232"/>
      <c r="N1313" s="232"/>
      <c r="O1313" s="232"/>
      <c r="P1313" s="232"/>
      <c r="Q1313" s="232"/>
      <c r="R1313" s="232"/>
      <c r="S1313" s="232"/>
      <c r="T1313" s="232"/>
      <c r="U1313" s="232"/>
      <c r="V1313" s="232"/>
      <c r="W1313" s="232"/>
      <c r="X1313" s="232"/>
      <c r="Y1313" s="232"/>
      <c r="Z1313" s="232"/>
      <c r="AA1313" s="232"/>
      <c r="AB1313" s="232"/>
      <c r="AC1313" s="232"/>
      <c r="AD1313" s="232"/>
      <c r="AE1313" s="232"/>
      <c r="AF1313" s="232"/>
      <c r="AG1313" s="232"/>
      <c r="AH1313" s="232"/>
      <c r="AI1313" s="232"/>
      <c r="AJ1313" s="233"/>
      <c r="AK1313" s="227"/>
      <c r="AL1313" s="228"/>
    </row>
    <row r="1314" spans="2:38" thickBot="1">
      <c r="B1314" s="7"/>
      <c r="C1314" s="322"/>
      <c r="D1314" s="223"/>
      <c r="E1314" s="223"/>
      <c r="F1314" s="223"/>
      <c r="G1314" s="223"/>
      <c r="H1314" s="223"/>
      <c r="I1314" s="223"/>
      <c r="J1314" s="223"/>
      <c r="K1314" s="223"/>
      <c r="L1314" s="223"/>
      <c r="M1314" s="223"/>
      <c r="N1314" s="223"/>
      <c r="O1314" s="223"/>
      <c r="P1314" s="223"/>
      <c r="Q1314" s="223"/>
      <c r="R1314" s="223"/>
      <c r="S1314" s="223"/>
      <c r="T1314" s="223"/>
      <c r="U1314" s="223"/>
      <c r="V1314" s="223"/>
      <c r="W1314" s="223"/>
      <c r="X1314" s="223"/>
      <c r="Y1314" s="223"/>
      <c r="Z1314" s="223"/>
      <c r="AA1314" s="223"/>
      <c r="AB1314" s="223"/>
      <c r="AC1314" s="223"/>
      <c r="AD1314" s="223"/>
      <c r="AE1314" s="223"/>
      <c r="AF1314" s="223"/>
      <c r="AG1314" s="223"/>
      <c r="AH1314" s="223"/>
      <c r="AI1314" s="223"/>
      <c r="AJ1314" s="224"/>
      <c r="AK1314" s="229"/>
      <c r="AL1314" s="230"/>
    </row>
    <row r="1315" spans="2:38" ht="14" thickTop="1" thickBot="1">
      <c r="B1315" s="7"/>
      <c r="C1315" s="234"/>
      <c r="D1315" s="235"/>
      <c r="E1315" s="235"/>
      <c r="F1315" s="235"/>
      <c r="G1315" s="235"/>
      <c r="H1315" s="235"/>
      <c r="I1315" s="235"/>
      <c r="J1315" s="235"/>
      <c r="K1315" s="235"/>
      <c r="L1315" s="235"/>
      <c r="M1315" s="235"/>
      <c r="N1315" s="235"/>
      <c r="O1315" s="235"/>
      <c r="P1315" s="235"/>
      <c r="Q1315" s="235"/>
      <c r="R1315" s="235"/>
      <c r="S1315" s="235"/>
      <c r="T1315" s="235"/>
      <c r="U1315" s="235"/>
      <c r="V1315" s="235"/>
      <c r="W1315" s="235"/>
      <c r="X1315" s="235"/>
      <c r="Y1315" s="235"/>
      <c r="Z1315" s="235"/>
      <c r="AA1315" s="235"/>
      <c r="AB1315" s="235"/>
      <c r="AC1315" s="235"/>
      <c r="AD1315" s="235"/>
      <c r="AE1315" s="235"/>
      <c r="AF1315" s="235"/>
      <c r="AG1315" s="235"/>
      <c r="AH1315" s="235"/>
      <c r="AI1315" s="235"/>
      <c r="AJ1315" s="235"/>
      <c r="AK1315" s="15"/>
      <c r="AL1315" s="16"/>
    </row>
    <row r="1316" spans="2:38" thickTop="1">
      <c r="B1316" s="7"/>
      <c r="C1316" s="231" t="s">
        <v>456</v>
      </c>
      <c r="D1316" s="232"/>
      <c r="E1316" s="232"/>
      <c r="F1316" s="232"/>
      <c r="G1316" s="232"/>
      <c r="H1316" s="232"/>
      <c r="I1316" s="232"/>
      <c r="J1316" s="232"/>
      <c r="K1316" s="232"/>
      <c r="L1316" s="232"/>
      <c r="M1316" s="232"/>
      <c r="N1316" s="232"/>
      <c r="O1316" s="232"/>
      <c r="P1316" s="232"/>
      <c r="Q1316" s="232"/>
      <c r="R1316" s="232"/>
      <c r="S1316" s="232"/>
      <c r="T1316" s="232"/>
      <c r="U1316" s="232"/>
      <c r="V1316" s="232"/>
      <c r="W1316" s="232"/>
      <c r="X1316" s="232"/>
      <c r="Y1316" s="232"/>
      <c r="Z1316" s="232"/>
      <c r="AA1316" s="232"/>
      <c r="AB1316" s="232"/>
      <c r="AC1316" s="232"/>
      <c r="AD1316" s="232"/>
      <c r="AE1316" s="232"/>
      <c r="AF1316" s="232"/>
      <c r="AG1316" s="232"/>
      <c r="AH1316" s="232"/>
      <c r="AI1316" s="232"/>
      <c r="AJ1316" s="233"/>
      <c r="AK1316" s="227"/>
      <c r="AL1316" s="228"/>
    </row>
    <row r="1317" spans="2:38" thickBot="1">
      <c r="B1317" s="7"/>
      <c r="C1317" s="234"/>
      <c r="D1317" s="235"/>
      <c r="E1317" s="235"/>
      <c r="F1317" s="235"/>
      <c r="G1317" s="235"/>
      <c r="H1317" s="235"/>
      <c r="I1317" s="235"/>
      <c r="J1317" s="235"/>
      <c r="K1317" s="235"/>
      <c r="L1317" s="235"/>
      <c r="M1317" s="235"/>
      <c r="N1317" s="235"/>
      <c r="O1317" s="235"/>
      <c r="P1317" s="235"/>
      <c r="Q1317" s="235"/>
      <c r="R1317" s="235"/>
      <c r="S1317" s="235"/>
      <c r="T1317" s="235"/>
      <c r="U1317" s="235"/>
      <c r="V1317" s="235"/>
      <c r="W1317" s="235"/>
      <c r="X1317" s="235"/>
      <c r="Y1317" s="235"/>
      <c r="Z1317" s="235"/>
      <c r="AA1317" s="235"/>
      <c r="AB1317" s="235"/>
      <c r="AC1317" s="235"/>
      <c r="AD1317" s="235"/>
      <c r="AE1317" s="235"/>
      <c r="AF1317" s="235"/>
      <c r="AG1317" s="235"/>
      <c r="AH1317" s="235"/>
      <c r="AI1317" s="235"/>
      <c r="AJ1317" s="236"/>
      <c r="AK1317" s="229"/>
      <c r="AL1317" s="230"/>
    </row>
    <row r="1318" spans="2:38" thickTop="1">
      <c r="B1318" s="7"/>
      <c r="C1318" s="231" t="s">
        <v>457</v>
      </c>
      <c r="D1318" s="232"/>
      <c r="E1318" s="232"/>
      <c r="F1318" s="232"/>
      <c r="G1318" s="232"/>
      <c r="H1318" s="232"/>
      <c r="I1318" s="232"/>
      <c r="J1318" s="232"/>
      <c r="K1318" s="232"/>
      <c r="L1318" s="232"/>
      <c r="M1318" s="232"/>
      <c r="N1318" s="232"/>
      <c r="O1318" s="232"/>
      <c r="P1318" s="232"/>
      <c r="Q1318" s="232"/>
      <c r="R1318" s="232"/>
      <c r="S1318" s="232"/>
      <c r="T1318" s="232"/>
      <c r="U1318" s="232"/>
      <c r="V1318" s="232"/>
      <c r="W1318" s="232"/>
      <c r="X1318" s="232"/>
      <c r="Y1318" s="232"/>
      <c r="Z1318" s="232"/>
      <c r="AA1318" s="232"/>
      <c r="AB1318" s="232"/>
      <c r="AC1318" s="232"/>
      <c r="AD1318" s="232"/>
      <c r="AE1318" s="232"/>
      <c r="AF1318" s="232"/>
      <c r="AG1318" s="232"/>
      <c r="AH1318" s="232"/>
      <c r="AI1318" s="232"/>
      <c r="AJ1318" s="233"/>
      <c r="AK1318" s="227"/>
      <c r="AL1318" s="228"/>
    </row>
    <row r="1319" spans="2:38" thickBot="1">
      <c r="B1319" s="7"/>
      <c r="C1319" s="234"/>
      <c r="D1319" s="235"/>
      <c r="E1319" s="235"/>
      <c r="F1319" s="235"/>
      <c r="G1319" s="235"/>
      <c r="H1319" s="235"/>
      <c r="I1319" s="235"/>
      <c r="J1319" s="235"/>
      <c r="K1319" s="235"/>
      <c r="L1319" s="235"/>
      <c r="M1319" s="235"/>
      <c r="N1319" s="235"/>
      <c r="O1319" s="235"/>
      <c r="P1319" s="235"/>
      <c r="Q1319" s="235"/>
      <c r="R1319" s="235"/>
      <c r="S1319" s="235"/>
      <c r="T1319" s="235"/>
      <c r="U1319" s="235"/>
      <c r="V1319" s="235"/>
      <c r="W1319" s="235"/>
      <c r="X1319" s="235"/>
      <c r="Y1319" s="235"/>
      <c r="Z1319" s="235"/>
      <c r="AA1319" s="235"/>
      <c r="AB1319" s="235"/>
      <c r="AC1319" s="235"/>
      <c r="AD1319" s="235"/>
      <c r="AE1319" s="235"/>
      <c r="AF1319" s="235"/>
      <c r="AG1319" s="235"/>
      <c r="AH1319" s="235"/>
      <c r="AI1319" s="235"/>
      <c r="AJ1319" s="236"/>
      <c r="AK1319" s="229"/>
      <c r="AL1319" s="230"/>
    </row>
    <row r="1320" spans="2:38" thickTop="1">
      <c r="B1320" s="7"/>
      <c r="C1320" s="231" t="s">
        <v>458</v>
      </c>
      <c r="D1320" s="232"/>
      <c r="E1320" s="232"/>
      <c r="F1320" s="232"/>
      <c r="G1320" s="232"/>
      <c r="H1320" s="232"/>
      <c r="I1320" s="232"/>
      <c r="J1320" s="232"/>
      <c r="K1320" s="232"/>
      <c r="L1320" s="232"/>
      <c r="M1320" s="232"/>
      <c r="N1320" s="232"/>
      <c r="O1320" s="232"/>
      <c r="P1320" s="232"/>
      <c r="Q1320" s="232"/>
      <c r="R1320" s="232"/>
      <c r="S1320" s="232"/>
      <c r="T1320" s="232"/>
      <c r="U1320" s="232"/>
      <c r="V1320" s="232"/>
      <c r="W1320" s="232"/>
      <c r="X1320" s="232"/>
      <c r="Y1320" s="232"/>
      <c r="Z1320" s="232"/>
      <c r="AA1320" s="232"/>
      <c r="AB1320" s="232"/>
      <c r="AC1320" s="232"/>
      <c r="AD1320" s="232"/>
      <c r="AE1320" s="232"/>
      <c r="AF1320" s="232"/>
      <c r="AG1320" s="232"/>
      <c r="AH1320" s="232"/>
      <c r="AI1320" s="232"/>
      <c r="AJ1320" s="233"/>
      <c r="AK1320" s="227"/>
      <c r="AL1320" s="228"/>
    </row>
    <row r="1321" spans="2:38" thickBot="1">
      <c r="B1321" s="7"/>
      <c r="C1321" s="234"/>
      <c r="D1321" s="235"/>
      <c r="E1321" s="235"/>
      <c r="F1321" s="235"/>
      <c r="G1321" s="235"/>
      <c r="H1321" s="235"/>
      <c r="I1321" s="235"/>
      <c r="J1321" s="235"/>
      <c r="K1321" s="235"/>
      <c r="L1321" s="235"/>
      <c r="M1321" s="235"/>
      <c r="N1321" s="235"/>
      <c r="O1321" s="235"/>
      <c r="P1321" s="235"/>
      <c r="Q1321" s="235"/>
      <c r="R1321" s="235"/>
      <c r="S1321" s="235"/>
      <c r="T1321" s="235"/>
      <c r="U1321" s="235"/>
      <c r="V1321" s="235"/>
      <c r="W1321" s="235"/>
      <c r="X1321" s="235"/>
      <c r="Y1321" s="235"/>
      <c r="Z1321" s="235"/>
      <c r="AA1321" s="235"/>
      <c r="AB1321" s="235"/>
      <c r="AC1321" s="235"/>
      <c r="AD1321" s="235"/>
      <c r="AE1321" s="235"/>
      <c r="AF1321" s="235"/>
      <c r="AG1321" s="235"/>
      <c r="AH1321" s="235"/>
      <c r="AI1321" s="235"/>
      <c r="AJ1321" s="236"/>
      <c r="AK1321" s="229"/>
      <c r="AL1321" s="230"/>
    </row>
    <row r="1322" spans="2:38" thickTop="1">
      <c r="B1322" s="7"/>
      <c r="C1322" s="231" t="s">
        <v>459</v>
      </c>
      <c r="D1322" s="232"/>
      <c r="E1322" s="232"/>
      <c r="F1322" s="232"/>
      <c r="G1322" s="232"/>
      <c r="H1322" s="232"/>
      <c r="I1322" s="232"/>
      <c r="J1322" s="232"/>
      <c r="K1322" s="232"/>
      <c r="L1322" s="232"/>
      <c r="M1322" s="232"/>
      <c r="N1322" s="232"/>
      <c r="O1322" s="232"/>
      <c r="P1322" s="232"/>
      <c r="Q1322" s="232"/>
      <c r="R1322" s="232"/>
      <c r="S1322" s="232"/>
      <c r="T1322" s="232"/>
      <c r="U1322" s="232"/>
      <c r="V1322" s="232"/>
      <c r="W1322" s="232"/>
      <c r="X1322" s="232"/>
      <c r="Y1322" s="232"/>
      <c r="Z1322" s="232"/>
      <c r="AA1322" s="232"/>
      <c r="AB1322" s="232"/>
      <c r="AC1322" s="232"/>
      <c r="AD1322" s="232"/>
      <c r="AE1322" s="232"/>
      <c r="AF1322" s="232"/>
      <c r="AG1322" s="232"/>
      <c r="AH1322" s="232"/>
      <c r="AI1322" s="232"/>
      <c r="AJ1322" s="233"/>
      <c r="AK1322" s="227"/>
      <c r="AL1322" s="228"/>
    </row>
    <row r="1323" spans="2:38" thickBot="1">
      <c r="B1323" s="7"/>
      <c r="C1323" s="322"/>
      <c r="D1323" s="223"/>
      <c r="E1323" s="223"/>
      <c r="F1323" s="223"/>
      <c r="G1323" s="223"/>
      <c r="H1323" s="223"/>
      <c r="I1323" s="223"/>
      <c r="J1323" s="223"/>
      <c r="K1323" s="223"/>
      <c r="L1323" s="223"/>
      <c r="M1323" s="223"/>
      <c r="N1323" s="223"/>
      <c r="O1323" s="223"/>
      <c r="P1323" s="223"/>
      <c r="Q1323" s="223"/>
      <c r="R1323" s="223"/>
      <c r="S1323" s="223"/>
      <c r="T1323" s="223"/>
      <c r="U1323" s="223"/>
      <c r="V1323" s="223"/>
      <c r="W1323" s="223"/>
      <c r="X1323" s="223"/>
      <c r="Y1323" s="223"/>
      <c r="Z1323" s="223"/>
      <c r="AA1323" s="223"/>
      <c r="AB1323" s="223"/>
      <c r="AC1323" s="223"/>
      <c r="AD1323" s="223"/>
      <c r="AE1323" s="223"/>
      <c r="AF1323" s="223"/>
      <c r="AG1323" s="223"/>
      <c r="AH1323" s="223"/>
      <c r="AI1323" s="223"/>
      <c r="AJ1323" s="224"/>
      <c r="AK1323" s="229"/>
      <c r="AL1323" s="230"/>
    </row>
    <row r="1324" spans="2:38" ht="14" thickTop="1" thickBot="1">
      <c r="B1324" s="7"/>
      <c r="C1324" s="234"/>
      <c r="D1324" s="235"/>
      <c r="E1324" s="235"/>
      <c r="F1324" s="235"/>
      <c r="G1324" s="235"/>
      <c r="H1324" s="235"/>
      <c r="I1324" s="235"/>
      <c r="J1324" s="235"/>
      <c r="K1324" s="235"/>
      <c r="L1324" s="235"/>
      <c r="M1324" s="235"/>
      <c r="N1324" s="235"/>
      <c r="O1324" s="235"/>
      <c r="P1324" s="235"/>
      <c r="Q1324" s="235"/>
      <c r="R1324" s="235"/>
      <c r="S1324" s="235"/>
      <c r="T1324" s="235"/>
      <c r="U1324" s="235"/>
      <c r="V1324" s="235"/>
      <c r="W1324" s="235"/>
      <c r="X1324" s="235"/>
      <c r="Y1324" s="235"/>
      <c r="Z1324" s="235"/>
      <c r="AA1324" s="235"/>
      <c r="AB1324" s="235"/>
      <c r="AC1324" s="235"/>
      <c r="AD1324" s="235"/>
      <c r="AE1324" s="235"/>
      <c r="AF1324" s="235"/>
      <c r="AG1324" s="235"/>
      <c r="AH1324" s="235"/>
      <c r="AI1324" s="235"/>
      <c r="AJ1324" s="235"/>
      <c r="AK1324" s="15"/>
      <c r="AL1324" s="16"/>
    </row>
    <row r="1325" spans="2:38" thickTop="1">
      <c r="B1325" s="7"/>
      <c r="C1325" s="231" t="s">
        <v>460</v>
      </c>
      <c r="D1325" s="232"/>
      <c r="E1325" s="232"/>
      <c r="F1325" s="232"/>
      <c r="G1325" s="232"/>
      <c r="H1325" s="232"/>
      <c r="I1325" s="232"/>
      <c r="J1325" s="232"/>
      <c r="K1325" s="232"/>
      <c r="L1325" s="232"/>
      <c r="M1325" s="232"/>
      <c r="N1325" s="232"/>
      <c r="O1325" s="232"/>
      <c r="P1325" s="232"/>
      <c r="Q1325" s="232"/>
      <c r="R1325" s="232"/>
      <c r="S1325" s="232"/>
      <c r="T1325" s="232"/>
      <c r="U1325" s="232"/>
      <c r="V1325" s="232"/>
      <c r="W1325" s="232"/>
      <c r="X1325" s="232"/>
      <c r="Y1325" s="232"/>
      <c r="Z1325" s="232"/>
      <c r="AA1325" s="232"/>
      <c r="AB1325" s="232"/>
      <c r="AC1325" s="232"/>
      <c r="AD1325" s="232"/>
      <c r="AE1325" s="232"/>
      <c r="AF1325" s="232"/>
      <c r="AG1325" s="232"/>
      <c r="AH1325" s="232"/>
      <c r="AI1325" s="232"/>
      <c r="AJ1325" s="233"/>
      <c r="AK1325" s="227"/>
      <c r="AL1325" s="228"/>
    </row>
    <row r="1326" spans="2:38" thickBot="1">
      <c r="B1326" s="7"/>
      <c r="C1326" s="322"/>
      <c r="D1326" s="223"/>
      <c r="E1326" s="223"/>
      <c r="F1326" s="223"/>
      <c r="G1326" s="223"/>
      <c r="H1326" s="223"/>
      <c r="I1326" s="223"/>
      <c r="J1326" s="223"/>
      <c r="K1326" s="223"/>
      <c r="L1326" s="223"/>
      <c r="M1326" s="223"/>
      <c r="N1326" s="223"/>
      <c r="O1326" s="223"/>
      <c r="P1326" s="223"/>
      <c r="Q1326" s="223"/>
      <c r="R1326" s="223"/>
      <c r="S1326" s="223"/>
      <c r="T1326" s="223"/>
      <c r="U1326" s="223"/>
      <c r="V1326" s="223"/>
      <c r="W1326" s="223"/>
      <c r="X1326" s="223"/>
      <c r="Y1326" s="223"/>
      <c r="Z1326" s="223"/>
      <c r="AA1326" s="223"/>
      <c r="AB1326" s="223"/>
      <c r="AC1326" s="223"/>
      <c r="AD1326" s="223"/>
      <c r="AE1326" s="223"/>
      <c r="AF1326" s="223"/>
      <c r="AG1326" s="223"/>
      <c r="AH1326" s="223"/>
      <c r="AI1326" s="223"/>
      <c r="AJ1326" s="224"/>
      <c r="AK1326" s="229"/>
      <c r="AL1326" s="230"/>
    </row>
    <row r="1327" spans="2:38" ht="14" thickTop="1" thickBot="1">
      <c r="B1327" s="7"/>
      <c r="C1327" s="234"/>
      <c r="D1327" s="235"/>
      <c r="E1327" s="235"/>
      <c r="F1327" s="235"/>
      <c r="G1327" s="235"/>
      <c r="H1327" s="235"/>
      <c r="I1327" s="235"/>
      <c r="J1327" s="235"/>
      <c r="K1327" s="235"/>
      <c r="L1327" s="235"/>
      <c r="M1327" s="235"/>
      <c r="N1327" s="235"/>
      <c r="O1327" s="235"/>
      <c r="P1327" s="235"/>
      <c r="Q1327" s="235"/>
      <c r="R1327" s="235"/>
      <c r="S1327" s="235"/>
      <c r="T1327" s="235"/>
      <c r="U1327" s="235"/>
      <c r="V1327" s="235"/>
      <c r="W1327" s="235"/>
      <c r="X1327" s="235"/>
      <c r="Y1327" s="235"/>
      <c r="Z1327" s="235"/>
      <c r="AA1327" s="235"/>
      <c r="AB1327" s="235"/>
      <c r="AC1327" s="235"/>
      <c r="AD1327" s="235"/>
      <c r="AE1327" s="235"/>
      <c r="AF1327" s="235"/>
      <c r="AG1327" s="235"/>
      <c r="AH1327" s="235"/>
      <c r="AI1327" s="235"/>
      <c r="AJ1327" s="235"/>
      <c r="AK1327" s="15"/>
      <c r="AL1327" s="16"/>
    </row>
    <row r="1328" spans="2:38" thickTop="1">
      <c r="B1328" s="7"/>
      <c r="C1328" s="231" t="s">
        <v>461</v>
      </c>
      <c r="D1328" s="232"/>
      <c r="E1328" s="232"/>
      <c r="F1328" s="232"/>
      <c r="G1328" s="232"/>
      <c r="H1328" s="232"/>
      <c r="I1328" s="232"/>
      <c r="J1328" s="232"/>
      <c r="K1328" s="232"/>
      <c r="L1328" s="232"/>
      <c r="M1328" s="232"/>
      <c r="N1328" s="232"/>
      <c r="O1328" s="232"/>
      <c r="P1328" s="232"/>
      <c r="Q1328" s="232"/>
      <c r="R1328" s="232"/>
      <c r="S1328" s="232"/>
      <c r="T1328" s="232"/>
      <c r="U1328" s="232"/>
      <c r="V1328" s="232"/>
      <c r="W1328" s="232"/>
      <c r="X1328" s="232"/>
      <c r="Y1328" s="232"/>
      <c r="Z1328" s="232"/>
      <c r="AA1328" s="232"/>
      <c r="AB1328" s="232"/>
      <c r="AC1328" s="232"/>
      <c r="AD1328" s="232"/>
      <c r="AE1328" s="232"/>
      <c r="AF1328" s="232"/>
      <c r="AG1328" s="232"/>
      <c r="AH1328" s="232"/>
      <c r="AI1328" s="232"/>
      <c r="AJ1328" s="233"/>
      <c r="AK1328" s="227"/>
      <c r="AL1328" s="228"/>
    </row>
    <row r="1329" spans="1:38" thickBot="1">
      <c r="B1329" s="7"/>
      <c r="C1329" s="234"/>
      <c r="D1329" s="235"/>
      <c r="E1329" s="235"/>
      <c r="F1329" s="235"/>
      <c r="G1329" s="235"/>
      <c r="H1329" s="235"/>
      <c r="I1329" s="235"/>
      <c r="J1329" s="235"/>
      <c r="K1329" s="235"/>
      <c r="L1329" s="235"/>
      <c r="M1329" s="235"/>
      <c r="N1329" s="235"/>
      <c r="O1329" s="235"/>
      <c r="P1329" s="235"/>
      <c r="Q1329" s="235"/>
      <c r="R1329" s="235"/>
      <c r="S1329" s="235"/>
      <c r="T1329" s="235"/>
      <c r="U1329" s="235"/>
      <c r="V1329" s="235"/>
      <c r="W1329" s="235"/>
      <c r="X1329" s="235"/>
      <c r="Y1329" s="235"/>
      <c r="Z1329" s="235"/>
      <c r="AA1329" s="235"/>
      <c r="AB1329" s="235"/>
      <c r="AC1329" s="235"/>
      <c r="AD1329" s="235"/>
      <c r="AE1329" s="235"/>
      <c r="AF1329" s="235"/>
      <c r="AG1329" s="235"/>
      <c r="AH1329" s="235"/>
      <c r="AI1329" s="235"/>
      <c r="AJ1329" s="236"/>
      <c r="AK1329" s="229"/>
      <c r="AL1329" s="230"/>
    </row>
    <row r="1330" spans="1:38" thickTop="1">
      <c r="B1330" s="7"/>
      <c r="C1330" s="231" t="s">
        <v>462</v>
      </c>
      <c r="D1330" s="232"/>
      <c r="E1330" s="232"/>
      <c r="F1330" s="232"/>
      <c r="G1330" s="232"/>
      <c r="H1330" s="232"/>
      <c r="I1330" s="232"/>
      <c r="J1330" s="232"/>
      <c r="K1330" s="232"/>
      <c r="L1330" s="232"/>
      <c r="M1330" s="232"/>
      <c r="N1330" s="232"/>
      <c r="O1330" s="232"/>
      <c r="P1330" s="232"/>
      <c r="Q1330" s="232"/>
      <c r="R1330" s="232"/>
      <c r="S1330" s="232"/>
      <c r="T1330" s="232"/>
      <c r="U1330" s="232"/>
      <c r="V1330" s="232"/>
      <c r="W1330" s="232"/>
      <c r="X1330" s="232"/>
      <c r="Y1330" s="232"/>
      <c r="Z1330" s="232"/>
      <c r="AA1330" s="232"/>
      <c r="AB1330" s="232"/>
      <c r="AC1330" s="232"/>
      <c r="AD1330" s="232"/>
      <c r="AE1330" s="232"/>
      <c r="AF1330" s="232"/>
      <c r="AG1330" s="232"/>
      <c r="AH1330" s="232"/>
      <c r="AI1330" s="232"/>
      <c r="AJ1330" s="233"/>
      <c r="AK1330" s="227"/>
      <c r="AL1330" s="228"/>
    </row>
    <row r="1331" spans="1:38" thickBot="1">
      <c r="B1331" s="7"/>
      <c r="C1331" s="234"/>
      <c r="D1331" s="235"/>
      <c r="E1331" s="235"/>
      <c r="F1331" s="235"/>
      <c r="G1331" s="235"/>
      <c r="H1331" s="235"/>
      <c r="I1331" s="235"/>
      <c r="J1331" s="235"/>
      <c r="K1331" s="235"/>
      <c r="L1331" s="235"/>
      <c r="M1331" s="235"/>
      <c r="N1331" s="235"/>
      <c r="O1331" s="235"/>
      <c r="P1331" s="235"/>
      <c r="Q1331" s="235"/>
      <c r="R1331" s="235"/>
      <c r="S1331" s="235"/>
      <c r="T1331" s="235"/>
      <c r="U1331" s="235"/>
      <c r="V1331" s="235"/>
      <c r="W1331" s="235"/>
      <c r="X1331" s="235"/>
      <c r="Y1331" s="235"/>
      <c r="Z1331" s="235"/>
      <c r="AA1331" s="235"/>
      <c r="AB1331" s="235"/>
      <c r="AC1331" s="235"/>
      <c r="AD1331" s="235"/>
      <c r="AE1331" s="235"/>
      <c r="AF1331" s="235"/>
      <c r="AG1331" s="235"/>
      <c r="AH1331" s="235"/>
      <c r="AI1331" s="235"/>
      <c r="AJ1331" s="236"/>
      <c r="AK1331" s="229"/>
      <c r="AL1331" s="230"/>
    </row>
    <row r="1332" spans="1:38" thickTop="1">
      <c r="B1332" s="7"/>
      <c r="C1332" s="306" t="s">
        <v>651</v>
      </c>
      <c r="D1332" s="262"/>
      <c r="E1332" s="262"/>
      <c r="F1332" s="262"/>
      <c r="G1332" s="262"/>
      <c r="H1332" s="262"/>
      <c r="I1332" s="262"/>
      <c r="J1332" s="262"/>
      <c r="K1332" s="262"/>
      <c r="L1332" s="262"/>
      <c r="M1332" s="262"/>
      <c r="N1332" s="262"/>
      <c r="O1332" s="262"/>
      <c r="P1332" s="262"/>
      <c r="Q1332" s="262"/>
      <c r="R1332" s="262"/>
      <c r="S1332" s="262"/>
      <c r="T1332" s="262"/>
      <c r="U1332" s="262"/>
      <c r="V1332" s="262"/>
      <c r="W1332" s="262"/>
      <c r="X1332" s="262"/>
      <c r="Y1332" s="262"/>
      <c r="Z1332" s="262"/>
      <c r="AA1332" s="262"/>
      <c r="AB1332" s="262"/>
      <c r="AC1332" s="262"/>
      <c r="AD1332" s="262"/>
      <c r="AE1332" s="262"/>
      <c r="AF1332" s="262"/>
      <c r="AG1332" s="262"/>
      <c r="AH1332" s="262"/>
      <c r="AI1332" s="262"/>
      <c r="AJ1332" s="311"/>
      <c r="AK1332" s="227"/>
      <c r="AL1332" s="228"/>
    </row>
    <row r="1333" spans="1:38" thickBot="1">
      <c r="B1333" s="7"/>
      <c r="C1333" s="308"/>
      <c r="D1333" s="284"/>
      <c r="E1333" s="284"/>
      <c r="F1333" s="284"/>
      <c r="G1333" s="284"/>
      <c r="H1333" s="284"/>
      <c r="I1333" s="284"/>
      <c r="J1333" s="284"/>
      <c r="K1333" s="284"/>
      <c r="L1333" s="284"/>
      <c r="M1333" s="284"/>
      <c r="N1333" s="284"/>
      <c r="O1333" s="284"/>
      <c r="P1333" s="284"/>
      <c r="Q1333" s="284"/>
      <c r="R1333" s="284"/>
      <c r="S1333" s="284"/>
      <c r="T1333" s="284"/>
      <c r="U1333" s="284"/>
      <c r="V1333" s="284"/>
      <c r="W1333" s="284"/>
      <c r="X1333" s="284"/>
      <c r="Y1333" s="284"/>
      <c r="Z1333" s="284"/>
      <c r="AA1333" s="284"/>
      <c r="AB1333" s="284"/>
      <c r="AC1333" s="284"/>
      <c r="AD1333" s="284"/>
      <c r="AE1333" s="284"/>
      <c r="AF1333" s="284"/>
      <c r="AG1333" s="284"/>
      <c r="AH1333" s="284"/>
      <c r="AI1333" s="284"/>
      <c r="AJ1333" s="321"/>
      <c r="AK1333" s="229"/>
      <c r="AL1333" s="230"/>
    </row>
    <row r="1334" spans="1:38" ht="14" thickTop="1" thickBot="1"/>
    <row r="1335" spans="1:38" ht="13.5" customHeight="1" thickTop="1">
      <c r="A1335" s="215">
        <v>129</v>
      </c>
      <c r="B1335" s="239"/>
      <c r="C1335" s="219" t="s">
        <v>601</v>
      </c>
      <c r="D1335" s="220"/>
      <c r="E1335" s="220"/>
      <c r="F1335" s="220"/>
      <c r="G1335" s="220"/>
      <c r="H1335" s="220"/>
      <c r="I1335" s="220"/>
      <c r="J1335" s="220"/>
      <c r="K1335" s="220"/>
      <c r="L1335" s="220"/>
      <c r="M1335" s="220"/>
      <c r="N1335" s="220"/>
      <c r="O1335" s="220"/>
      <c r="P1335" s="220"/>
      <c r="Q1335" s="220"/>
      <c r="R1335" s="220"/>
      <c r="S1335" s="220"/>
      <c r="T1335" s="220"/>
      <c r="U1335" s="220"/>
      <c r="V1335" s="220"/>
      <c r="W1335" s="220"/>
      <c r="X1335" s="220"/>
      <c r="Y1335" s="220"/>
      <c r="Z1335" s="220"/>
      <c r="AA1335" s="220"/>
      <c r="AB1335" s="220"/>
      <c r="AC1335" s="220"/>
      <c r="AD1335" s="220"/>
      <c r="AE1335" s="220"/>
      <c r="AF1335" s="220"/>
      <c r="AG1335" s="220"/>
      <c r="AH1335" s="220"/>
      <c r="AI1335" s="220"/>
      <c r="AJ1335" s="221"/>
      <c r="AK1335" s="227"/>
      <c r="AL1335" s="228"/>
    </row>
    <row r="1336" spans="1:38" ht="13.5" customHeight="1" thickBot="1">
      <c r="A1336" s="217"/>
      <c r="B1336" s="240"/>
      <c r="C1336" s="225"/>
      <c r="D1336" s="226"/>
      <c r="E1336" s="226"/>
      <c r="F1336" s="226"/>
      <c r="G1336" s="226"/>
      <c r="H1336" s="226"/>
      <c r="I1336" s="226"/>
      <c r="J1336" s="226"/>
      <c r="K1336" s="226"/>
      <c r="L1336" s="226"/>
      <c r="M1336" s="226"/>
      <c r="N1336" s="226"/>
      <c r="O1336" s="226"/>
      <c r="P1336" s="226"/>
      <c r="Q1336" s="226"/>
      <c r="R1336" s="226"/>
      <c r="S1336" s="226"/>
      <c r="T1336" s="226"/>
      <c r="U1336" s="226"/>
      <c r="V1336" s="226"/>
      <c r="W1336" s="226"/>
      <c r="X1336" s="226"/>
      <c r="Y1336" s="226"/>
      <c r="Z1336" s="226"/>
      <c r="AA1336" s="226"/>
      <c r="AB1336" s="226"/>
      <c r="AC1336" s="226"/>
      <c r="AD1336" s="226"/>
      <c r="AE1336" s="226"/>
      <c r="AF1336" s="226"/>
      <c r="AG1336" s="226"/>
      <c r="AH1336" s="226"/>
      <c r="AI1336" s="226"/>
      <c r="AJ1336" s="241"/>
      <c r="AK1336" s="229"/>
      <c r="AL1336" s="230"/>
    </row>
    <row r="1337" spans="1:38" thickTop="1"/>
    <row r="1338" spans="1:38" thickBot="1">
      <c r="C1338" s="1" t="s">
        <v>352</v>
      </c>
    </row>
    <row r="1339" spans="1:38" ht="14.25" customHeight="1" thickTop="1">
      <c r="B1339" s="7"/>
      <c r="C1339" s="231" t="s">
        <v>369</v>
      </c>
      <c r="D1339" s="232"/>
      <c r="E1339" s="232"/>
      <c r="F1339" s="232"/>
      <c r="G1339" s="232"/>
      <c r="H1339" s="232"/>
      <c r="I1339" s="232"/>
      <c r="J1339" s="232"/>
      <c r="K1339" s="232"/>
      <c r="L1339" s="232"/>
      <c r="M1339" s="232"/>
      <c r="N1339" s="232"/>
      <c r="O1339" s="232"/>
      <c r="P1339" s="232"/>
      <c r="Q1339" s="232"/>
      <c r="R1339" s="232"/>
      <c r="S1339" s="232"/>
      <c r="T1339" s="232"/>
      <c r="U1339" s="232"/>
      <c r="V1339" s="232"/>
      <c r="W1339" s="232"/>
      <c r="X1339" s="232"/>
      <c r="Y1339" s="232"/>
      <c r="Z1339" s="232"/>
      <c r="AA1339" s="232"/>
      <c r="AB1339" s="232"/>
      <c r="AC1339" s="232"/>
      <c r="AD1339" s="232"/>
      <c r="AE1339" s="232"/>
      <c r="AF1339" s="232"/>
      <c r="AG1339" s="232"/>
      <c r="AH1339" s="232"/>
      <c r="AI1339" s="232"/>
      <c r="AJ1339" s="233"/>
      <c r="AK1339" s="227"/>
      <c r="AL1339" s="228"/>
    </row>
    <row r="1340" spans="1:38" thickBot="1">
      <c r="B1340" s="7"/>
      <c r="C1340" s="234"/>
      <c r="D1340" s="235"/>
      <c r="E1340" s="235"/>
      <c r="F1340" s="235"/>
      <c r="G1340" s="235"/>
      <c r="H1340" s="235"/>
      <c r="I1340" s="235"/>
      <c r="J1340" s="235"/>
      <c r="K1340" s="235"/>
      <c r="L1340" s="235"/>
      <c r="M1340" s="235"/>
      <c r="N1340" s="235"/>
      <c r="O1340" s="235"/>
      <c r="P1340" s="235"/>
      <c r="Q1340" s="235"/>
      <c r="R1340" s="235"/>
      <c r="S1340" s="235"/>
      <c r="T1340" s="235"/>
      <c r="U1340" s="235"/>
      <c r="V1340" s="235"/>
      <c r="W1340" s="235"/>
      <c r="X1340" s="235"/>
      <c r="Y1340" s="235"/>
      <c r="Z1340" s="235"/>
      <c r="AA1340" s="235"/>
      <c r="AB1340" s="235"/>
      <c r="AC1340" s="235"/>
      <c r="AD1340" s="235"/>
      <c r="AE1340" s="235"/>
      <c r="AF1340" s="235"/>
      <c r="AG1340" s="235"/>
      <c r="AH1340" s="235"/>
      <c r="AI1340" s="235"/>
      <c r="AJ1340" s="236"/>
      <c r="AK1340" s="229"/>
      <c r="AL1340" s="230"/>
    </row>
    <row r="1341" spans="1:38" thickTop="1">
      <c r="B1341" s="7"/>
      <c r="C1341" s="231" t="s">
        <v>368</v>
      </c>
      <c r="D1341" s="232"/>
      <c r="E1341" s="232"/>
      <c r="F1341" s="232"/>
      <c r="G1341" s="232"/>
      <c r="H1341" s="232"/>
      <c r="I1341" s="232"/>
      <c r="J1341" s="232"/>
      <c r="K1341" s="232"/>
      <c r="L1341" s="232"/>
      <c r="M1341" s="232"/>
      <c r="N1341" s="232"/>
      <c r="O1341" s="232"/>
      <c r="P1341" s="232"/>
      <c r="Q1341" s="232"/>
      <c r="R1341" s="232"/>
      <c r="S1341" s="232"/>
      <c r="T1341" s="232"/>
      <c r="U1341" s="232"/>
      <c r="V1341" s="232"/>
      <c r="W1341" s="232"/>
      <c r="X1341" s="232"/>
      <c r="Y1341" s="232"/>
      <c r="Z1341" s="232"/>
      <c r="AA1341" s="232"/>
      <c r="AB1341" s="232"/>
      <c r="AC1341" s="232"/>
      <c r="AD1341" s="232"/>
      <c r="AE1341" s="232"/>
      <c r="AF1341" s="232"/>
      <c r="AG1341" s="232"/>
      <c r="AH1341" s="232"/>
      <c r="AI1341" s="232"/>
      <c r="AJ1341" s="233"/>
      <c r="AK1341" s="227"/>
      <c r="AL1341" s="228"/>
    </row>
    <row r="1342" spans="1:38" thickBot="1">
      <c r="B1342" s="7"/>
      <c r="C1342" s="234"/>
      <c r="D1342" s="235"/>
      <c r="E1342" s="235"/>
      <c r="F1342" s="235"/>
      <c r="G1342" s="235"/>
      <c r="H1342" s="235"/>
      <c r="I1342" s="235"/>
      <c r="J1342" s="235"/>
      <c r="K1342" s="235"/>
      <c r="L1342" s="235"/>
      <c r="M1342" s="235"/>
      <c r="N1342" s="235"/>
      <c r="O1342" s="235"/>
      <c r="P1342" s="235"/>
      <c r="Q1342" s="235"/>
      <c r="R1342" s="235"/>
      <c r="S1342" s="235"/>
      <c r="T1342" s="235"/>
      <c r="U1342" s="235"/>
      <c r="V1342" s="235"/>
      <c r="W1342" s="235"/>
      <c r="X1342" s="235"/>
      <c r="Y1342" s="235"/>
      <c r="Z1342" s="235"/>
      <c r="AA1342" s="235"/>
      <c r="AB1342" s="235"/>
      <c r="AC1342" s="235"/>
      <c r="AD1342" s="235"/>
      <c r="AE1342" s="235"/>
      <c r="AF1342" s="235"/>
      <c r="AG1342" s="235"/>
      <c r="AH1342" s="235"/>
      <c r="AI1342" s="235"/>
      <c r="AJ1342" s="236"/>
      <c r="AK1342" s="229"/>
      <c r="AL1342" s="230"/>
    </row>
    <row r="1343" spans="1:38" thickTop="1">
      <c r="B1343" s="7"/>
      <c r="C1343" s="231" t="s">
        <v>366</v>
      </c>
      <c r="D1343" s="232"/>
      <c r="E1343" s="232"/>
      <c r="F1343" s="232"/>
      <c r="G1343" s="232"/>
      <c r="H1343" s="232"/>
      <c r="I1343" s="232"/>
      <c r="J1343" s="232"/>
      <c r="K1343" s="232"/>
      <c r="L1343" s="232"/>
      <c r="M1343" s="232"/>
      <c r="N1343" s="232"/>
      <c r="O1343" s="232"/>
      <c r="P1343" s="232"/>
      <c r="Q1343" s="232"/>
      <c r="R1343" s="232"/>
      <c r="S1343" s="232"/>
      <c r="T1343" s="232"/>
      <c r="U1343" s="232"/>
      <c r="V1343" s="232"/>
      <c r="W1343" s="232"/>
      <c r="X1343" s="232"/>
      <c r="Y1343" s="232"/>
      <c r="Z1343" s="232"/>
      <c r="AA1343" s="232"/>
      <c r="AB1343" s="232"/>
      <c r="AC1343" s="232"/>
      <c r="AD1343" s="232"/>
      <c r="AE1343" s="232"/>
      <c r="AF1343" s="232"/>
      <c r="AG1343" s="232"/>
      <c r="AH1343" s="232"/>
      <c r="AI1343" s="232"/>
      <c r="AJ1343" s="233"/>
      <c r="AK1343" s="227"/>
      <c r="AL1343" s="228"/>
    </row>
    <row r="1344" spans="1:38" thickBot="1">
      <c r="B1344" s="7"/>
      <c r="C1344" s="234"/>
      <c r="D1344" s="235"/>
      <c r="E1344" s="235"/>
      <c r="F1344" s="235"/>
      <c r="G1344" s="235"/>
      <c r="H1344" s="235"/>
      <c r="I1344" s="235"/>
      <c r="J1344" s="235"/>
      <c r="K1344" s="235"/>
      <c r="L1344" s="235"/>
      <c r="M1344" s="235"/>
      <c r="N1344" s="235"/>
      <c r="O1344" s="235"/>
      <c r="P1344" s="235"/>
      <c r="Q1344" s="235"/>
      <c r="R1344" s="235"/>
      <c r="S1344" s="235"/>
      <c r="T1344" s="235"/>
      <c r="U1344" s="235"/>
      <c r="V1344" s="235"/>
      <c r="W1344" s="235"/>
      <c r="X1344" s="235"/>
      <c r="Y1344" s="235"/>
      <c r="Z1344" s="235"/>
      <c r="AA1344" s="235"/>
      <c r="AB1344" s="235"/>
      <c r="AC1344" s="235"/>
      <c r="AD1344" s="235"/>
      <c r="AE1344" s="235"/>
      <c r="AF1344" s="235"/>
      <c r="AG1344" s="235"/>
      <c r="AH1344" s="235"/>
      <c r="AI1344" s="235"/>
      <c r="AJ1344" s="236"/>
      <c r="AK1344" s="229"/>
      <c r="AL1344" s="230"/>
    </row>
    <row r="1345" spans="1:38" thickTop="1">
      <c r="B1345" s="7"/>
      <c r="C1345" s="231" t="s">
        <v>370</v>
      </c>
      <c r="D1345" s="232"/>
      <c r="E1345" s="232"/>
      <c r="F1345" s="232"/>
      <c r="G1345" s="232"/>
      <c r="H1345" s="232"/>
      <c r="I1345" s="232"/>
      <c r="J1345" s="232"/>
      <c r="K1345" s="232"/>
      <c r="L1345" s="232"/>
      <c r="M1345" s="232"/>
      <c r="N1345" s="232"/>
      <c r="O1345" s="232"/>
      <c r="P1345" s="232"/>
      <c r="Q1345" s="232"/>
      <c r="R1345" s="232"/>
      <c r="S1345" s="232"/>
      <c r="T1345" s="232"/>
      <c r="U1345" s="232"/>
      <c r="V1345" s="232"/>
      <c r="W1345" s="232"/>
      <c r="X1345" s="232"/>
      <c r="Y1345" s="232"/>
      <c r="Z1345" s="232"/>
      <c r="AA1345" s="232"/>
      <c r="AB1345" s="232"/>
      <c r="AC1345" s="232"/>
      <c r="AD1345" s="232"/>
      <c r="AE1345" s="232"/>
      <c r="AF1345" s="232"/>
      <c r="AG1345" s="232"/>
      <c r="AH1345" s="232"/>
      <c r="AI1345" s="232"/>
      <c r="AJ1345" s="233"/>
      <c r="AK1345" s="227"/>
      <c r="AL1345" s="228"/>
    </row>
    <row r="1346" spans="1:38" thickBot="1">
      <c r="B1346" s="7"/>
      <c r="C1346" s="234"/>
      <c r="D1346" s="235"/>
      <c r="E1346" s="235"/>
      <c r="F1346" s="235"/>
      <c r="G1346" s="235"/>
      <c r="H1346" s="235"/>
      <c r="I1346" s="235"/>
      <c r="J1346" s="235"/>
      <c r="K1346" s="235"/>
      <c r="L1346" s="235"/>
      <c r="M1346" s="235"/>
      <c r="N1346" s="235"/>
      <c r="O1346" s="235"/>
      <c r="P1346" s="235"/>
      <c r="Q1346" s="235"/>
      <c r="R1346" s="235"/>
      <c r="S1346" s="235"/>
      <c r="T1346" s="235"/>
      <c r="U1346" s="235"/>
      <c r="V1346" s="235"/>
      <c r="W1346" s="235"/>
      <c r="X1346" s="235"/>
      <c r="Y1346" s="235"/>
      <c r="Z1346" s="235"/>
      <c r="AA1346" s="235"/>
      <c r="AB1346" s="235"/>
      <c r="AC1346" s="235"/>
      <c r="AD1346" s="235"/>
      <c r="AE1346" s="235"/>
      <c r="AF1346" s="235"/>
      <c r="AG1346" s="235"/>
      <c r="AH1346" s="235"/>
      <c r="AI1346" s="235"/>
      <c r="AJ1346" s="236"/>
      <c r="AK1346" s="229"/>
      <c r="AL1346" s="230"/>
    </row>
    <row r="1347" spans="1:38" thickTop="1">
      <c r="B1347" s="7"/>
      <c r="C1347" s="231" t="s">
        <v>367</v>
      </c>
      <c r="D1347" s="232"/>
      <c r="E1347" s="232"/>
      <c r="F1347" s="232"/>
      <c r="G1347" s="232"/>
      <c r="H1347" s="232"/>
      <c r="I1347" s="232"/>
      <c r="J1347" s="232"/>
      <c r="K1347" s="232"/>
      <c r="L1347" s="232"/>
      <c r="M1347" s="232"/>
      <c r="N1347" s="232"/>
      <c r="O1347" s="232"/>
      <c r="P1347" s="232"/>
      <c r="Q1347" s="232"/>
      <c r="R1347" s="232"/>
      <c r="S1347" s="232"/>
      <c r="T1347" s="232"/>
      <c r="U1347" s="232"/>
      <c r="V1347" s="232"/>
      <c r="W1347" s="232"/>
      <c r="X1347" s="232"/>
      <c r="Y1347" s="232"/>
      <c r="Z1347" s="232"/>
      <c r="AA1347" s="232"/>
      <c r="AB1347" s="232"/>
      <c r="AC1347" s="232"/>
      <c r="AD1347" s="232"/>
      <c r="AE1347" s="232"/>
      <c r="AF1347" s="232"/>
      <c r="AG1347" s="232"/>
      <c r="AH1347" s="232"/>
      <c r="AI1347" s="232"/>
      <c r="AJ1347" s="233"/>
      <c r="AK1347" s="227"/>
      <c r="AL1347" s="228"/>
    </row>
    <row r="1348" spans="1:38" thickBot="1">
      <c r="B1348" s="7"/>
      <c r="C1348" s="234"/>
      <c r="D1348" s="235"/>
      <c r="E1348" s="235"/>
      <c r="F1348" s="235"/>
      <c r="G1348" s="235"/>
      <c r="H1348" s="235"/>
      <c r="I1348" s="235"/>
      <c r="J1348" s="235"/>
      <c r="K1348" s="235"/>
      <c r="L1348" s="235"/>
      <c r="M1348" s="235"/>
      <c r="N1348" s="235"/>
      <c r="O1348" s="235"/>
      <c r="P1348" s="235"/>
      <c r="Q1348" s="235"/>
      <c r="R1348" s="235"/>
      <c r="S1348" s="235"/>
      <c r="T1348" s="235"/>
      <c r="U1348" s="235"/>
      <c r="V1348" s="235"/>
      <c r="W1348" s="235"/>
      <c r="X1348" s="235"/>
      <c r="Y1348" s="235"/>
      <c r="Z1348" s="235"/>
      <c r="AA1348" s="235"/>
      <c r="AB1348" s="235"/>
      <c r="AC1348" s="235"/>
      <c r="AD1348" s="235"/>
      <c r="AE1348" s="235"/>
      <c r="AF1348" s="235"/>
      <c r="AG1348" s="235"/>
      <c r="AH1348" s="235"/>
      <c r="AI1348" s="235"/>
      <c r="AJ1348" s="236"/>
      <c r="AK1348" s="229"/>
      <c r="AL1348" s="230"/>
    </row>
    <row r="1349" spans="1:38" thickTop="1">
      <c r="B1349" s="7"/>
      <c r="C1349" s="231" t="s">
        <v>372</v>
      </c>
      <c r="D1349" s="232"/>
      <c r="E1349" s="232"/>
      <c r="F1349" s="232"/>
      <c r="G1349" s="232"/>
      <c r="H1349" s="232"/>
      <c r="I1349" s="232"/>
      <c r="J1349" s="232"/>
      <c r="K1349" s="232"/>
      <c r="L1349" s="232"/>
      <c r="M1349" s="232"/>
      <c r="N1349" s="232"/>
      <c r="O1349" s="232"/>
      <c r="P1349" s="232"/>
      <c r="Q1349" s="232"/>
      <c r="R1349" s="232"/>
      <c r="S1349" s="232"/>
      <c r="T1349" s="232"/>
      <c r="U1349" s="232"/>
      <c r="V1349" s="232"/>
      <c r="W1349" s="232"/>
      <c r="X1349" s="232"/>
      <c r="Y1349" s="232"/>
      <c r="Z1349" s="232"/>
      <c r="AA1349" s="232"/>
      <c r="AB1349" s="232"/>
      <c r="AC1349" s="232"/>
      <c r="AD1349" s="232"/>
      <c r="AE1349" s="232"/>
      <c r="AF1349" s="232"/>
      <c r="AG1349" s="232"/>
      <c r="AH1349" s="232"/>
      <c r="AI1349" s="232"/>
      <c r="AJ1349" s="233"/>
      <c r="AK1349" s="227"/>
      <c r="AL1349" s="228"/>
    </row>
    <row r="1350" spans="1:38" thickBot="1">
      <c r="B1350" s="7"/>
      <c r="C1350" s="234"/>
      <c r="D1350" s="235"/>
      <c r="E1350" s="235"/>
      <c r="F1350" s="235"/>
      <c r="G1350" s="235"/>
      <c r="H1350" s="235"/>
      <c r="I1350" s="235"/>
      <c r="J1350" s="235"/>
      <c r="K1350" s="235"/>
      <c r="L1350" s="235"/>
      <c r="M1350" s="235"/>
      <c r="N1350" s="235"/>
      <c r="O1350" s="235"/>
      <c r="P1350" s="235"/>
      <c r="Q1350" s="235"/>
      <c r="R1350" s="235"/>
      <c r="S1350" s="235"/>
      <c r="T1350" s="235"/>
      <c r="U1350" s="235"/>
      <c r="V1350" s="235"/>
      <c r="W1350" s="235"/>
      <c r="X1350" s="235"/>
      <c r="Y1350" s="235"/>
      <c r="Z1350" s="235"/>
      <c r="AA1350" s="235"/>
      <c r="AB1350" s="235"/>
      <c r="AC1350" s="235"/>
      <c r="AD1350" s="235"/>
      <c r="AE1350" s="235"/>
      <c r="AF1350" s="235"/>
      <c r="AG1350" s="235"/>
      <c r="AH1350" s="235"/>
      <c r="AI1350" s="235"/>
      <c r="AJ1350" s="236"/>
      <c r="AK1350" s="229"/>
      <c r="AL1350" s="230"/>
    </row>
    <row r="1351" spans="1:38" ht="13.65" customHeight="1" thickTop="1">
      <c r="B1351" s="7"/>
      <c r="C1351" s="242" t="s">
        <v>419</v>
      </c>
      <c r="D1351" s="243"/>
      <c r="E1351" s="243"/>
      <c r="F1351" s="243"/>
      <c r="G1351" s="243"/>
      <c r="H1351" s="243"/>
      <c r="I1351" s="243"/>
      <c r="J1351" s="243"/>
      <c r="K1351" s="243"/>
      <c r="L1351" s="243"/>
      <c r="M1351" s="243"/>
      <c r="N1351" s="243"/>
      <c r="O1351" s="243"/>
      <c r="P1351" s="243"/>
      <c r="Q1351" s="243"/>
      <c r="R1351" s="243"/>
      <c r="S1351" s="243"/>
      <c r="T1351" s="243"/>
      <c r="U1351" s="243"/>
      <c r="V1351" s="243"/>
      <c r="W1351" s="243"/>
      <c r="X1351" s="243"/>
      <c r="Y1351" s="243"/>
      <c r="Z1351" s="243"/>
      <c r="AA1351" s="243"/>
      <c r="AB1351" s="243"/>
      <c r="AC1351" s="243"/>
      <c r="AD1351" s="243"/>
      <c r="AE1351" s="243"/>
      <c r="AF1351" s="243"/>
      <c r="AG1351" s="243"/>
      <c r="AH1351" s="243"/>
      <c r="AI1351" s="243"/>
      <c r="AJ1351" s="244"/>
      <c r="AK1351" s="227"/>
      <c r="AL1351" s="228"/>
    </row>
    <row r="1352" spans="1:38" thickBot="1">
      <c r="B1352" s="7"/>
      <c r="C1352" s="245"/>
      <c r="D1352" s="246"/>
      <c r="E1352" s="246"/>
      <c r="F1352" s="246"/>
      <c r="G1352" s="246"/>
      <c r="H1352" s="246"/>
      <c r="I1352" s="246"/>
      <c r="J1352" s="246"/>
      <c r="K1352" s="246"/>
      <c r="L1352" s="246"/>
      <c r="M1352" s="246"/>
      <c r="N1352" s="246"/>
      <c r="O1352" s="246"/>
      <c r="P1352" s="246"/>
      <c r="Q1352" s="246"/>
      <c r="R1352" s="246"/>
      <c r="S1352" s="246"/>
      <c r="T1352" s="246"/>
      <c r="U1352" s="246"/>
      <c r="V1352" s="246"/>
      <c r="W1352" s="246"/>
      <c r="X1352" s="246"/>
      <c r="Y1352" s="246"/>
      <c r="Z1352" s="246"/>
      <c r="AA1352" s="246"/>
      <c r="AB1352" s="246"/>
      <c r="AC1352" s="246"/>
      <c r="AD1352" s="246"/>
      <c r="AE1352" s="246"/>
      <c r="AF1352" s="246"/>
      <c r="AG1352" s="246"/>
      <c r="AH1352" s="246"/>
      <c r="AI1352" s="246"/>
      <c r="AJ1352" s="247"/>
      <c r="AK1352" s="229"/>
      <c r="AL1352" s="230"/>
    </row>
    <row r="1353" spans="1:38" ht="13.5" customHeight="1" thickTop="1" thickBot="1">
      <c r="D1353" s="52"/>
      <c r="E1353" s="52"/>
      <c r="F1353" s="52"/>
      <c r="G1353" s="52"/>
      <c r="H1353" s="52"/>
      <c r="I1353" s="52"/>
      <c r="J1353" s="52"/>
      <c r="K1353" s="52"/>
      <c r="L1353" s="52"/>
      <c r="M1353" s="52"/>
      <c r="N1353" s="52"/>
      <c r="O1353" s="52"/>
      <c r="P1353" s="52"/>
      <c r="Q1353" s="52"/>
      <c r="R1353" s="52"/>
      <c r="S1353" s="52"/>
      <c r="T1353" s="52"/>
      <c r="U1353" s="52"/>
      <c r="V1353" s="52"/>
      <c r="W1353" s="52"/>
      <c r="X1353" s="52"/>
      <c r="Y1353" s="52"/>
      <c r="Z1353" s="52"/>
      <c r="AA1353" s="52"/>
      <c r="AB1353" s="52"/>
      <c r="AC1353" s="52"/>
      <c r="AD1353" s="52"/>
      <c r="AE1353" s="52"/>
      <c r="AF1353" s="52"/>
      <c r="AG1353" s="52"/>
      <c r="AH1353" s="52"/>
      <c r="AI1353" s="52"/>
      <c r="AJ1353" s="52"/>
    </row>
    <row r="1354" spans="1:38" ht="13.5" customHeight="1" thickTop="1">
      <c r="A1354" s="215">
        <v>130</v>
      </c>
      <c r="B1354" s="239"/>
      <c r="C1354" s="219" t="s">
        <v>602</v>
      </c>
      <c r="D1354" s="220"/>
      <c r="E1354" s="220"/>
      <c r="F1354" s="220"/>
      <c r="G1354" s="220"/>
      <c r="H1354" s="220"/>
      <c r="I1354" s="220"/>
      <c r="J1354" s="220"/>
      <c r="K1354" s="220"/>
      <c r="L1354" s="220"/>
      <c r="M1354" s="220"/>
      <c r="N1354" s="220"/>
      <c r="O1354" s="220"/>
      <c r="P1354" s="220"/>
      <c r="Q1354" s="220"/>
      <c r="R1354" s="220"/>
      <c r="S1354" s="220"/>
      <c r="T1354" s="220"/>
      <c r="U1354" s="220"/>
      <c r="V1354" s="220"/>
      <c r="W1354" s="220"/>
      <c r="X1354" s="220"/>
      <c r="Y1354" s="220"/>
      <c r="Z1354" s="220"/>
      <c r="AA1354" s="220"/>
      <c r="AB1354" s="220"/>
      <c r="AC1354" s="220"/>
      <c r="AD1354" s="220"/>
      <c r="AE1354" s="220"/>
      <c r="AF1354" s="220"/>
      <c r="AG1354" s="220"/>
      <c r="AH1354" s="220"/>
      <c r="AI1354" s="220"/>
      <c r="AJ1354" s="221"/>
      <c r="AK1354" s="227"/>
      <c r="AL1354" s="228"/>
    </row>
    <row r="1355" spans="1:38" ht="13.5" customHeight="1" thickBot="1">
      <c r="A1355" s="217"/>
      <c r="B1355" s="240"/>
      <c r="C1355" s="225"/>
      <c r="D1355" s="226"/>
      <c r="E1355" s="226"/>
      <c r="F1355" s="226"/>
      <c r="G1355" s="226"/>
      <c r="H1355" s="226"/>
      <c r="I1355" s="226"/>
      <c r="J1355" s="226"/>
      <c r="K1355" s="226"/>
      <c r="L1355" s="226"/>
      <c r="M1355" s="226"/>
      <c r="N1355" s="226"/>
      <c r="O1355" s="226"/>
      <c r="P1355" s="226"/>
      <c r="Q1355" s="226"/>
      <c r="R1355" s="226"/>
      <c r="S1355" s="226"/>
      <c r="T1355" s="226"/>
      <c r="U1355" s="226"/>
      <c r="V1355" s="226"/>
      <c r="W1355" s="226"/>
      <c r="X1355" s="226"/>
      <c r="Y1355" s="226"/>
      <c r="Z1355" s="226"/>
      <c r="AA1355" s="226"/>
      <c r="AB1355" s="226"/>
      <c r="AC1355" s="226"/>
      <c r="AD1355" s="226"/>
      <c r="AE1355" s="226"/>
      <c r="AF1355" s="226"/>
      <c r="AG1355" s="226"/>
      <c r="AH1355" s="226"/>
      <c r="AI1355" s="226"/>
      <c r="AJ1355" s="241"/>
      <c r="AK1355" s="229"/>
      <c r="AL1355" s="230"/>
    </row>
    <row r="1356" spans="1:38" ht="14" thickTop="1" thickBot="1"/>
    <row r="1357" spans="1:38" thickTop="1">
      <c r="B1357" s="7"/>
      <c r="C1357" s="231" t="s">
        <v>463</v>
      </c>
      <c r="D1357" s="232"/>
      <c r="E1357" s="232"/>
      <c r="F1357" s="232"/>
      <c r="G1357" s="232"/>
      <c r="H1357" s="232"/>
      <c r="I1357" s="232"/>
      <c r="J1357" s="232"/>
      <c r="K1357" s="232"/>
      <c r="L1357" s="232"/>
      <c r="M1357" s="232"/>
      <c r="N1357" s="232"/>
      <c r="O1357" s="232"/>
      <c r="P1357" s="232"/>
      <c r="Q1357" s="232"/>
      <c r="R1357" s="232"/>
      <c r="S1357" s="232"/>
      <c r="T1357" s="232"/>
      <c r="U1357" s="232"/>
      <c r="V1357" s="232"/>
      <c r="W1357" s="232"/>
      <c r="X1357" s="232"/>
      <c r="Y1357" s="232"/>
      <c r="Z1357" s="232"/>
      <c r="AA1357" s="232"/>
      <c r="AB1357" s="232"/>
      <c r="AC1357" s="232"/>
      <c r="AD1357" s="232"/>
      <c r="AE1357" s="232"/>
      <c r="AF1357" s="232"/>
      <c r="AG1357" s="232"/>
      <c r="AH1357" s="232"/>
      <c r="AI1357" s="232"/>
      <c r="AJ1357" s="233"/>
      <c r="AK1357" s="227"/>
      <c r="AL1357" s="228"/>
    </row>
    <row r="1358" spans="1:38" thickBot="1">
      <c r="B1358" s="7"/>
      <c r="C1358" s="234"/>
      <c r="D1358" s="235"/>
      <c r="E1358" s="235"/>
      <c r="F1358" s="235"/>
      <c r="G1358" s="235"/>
      <c r="H1358" s="235"/>
      <c r="I1358" s="235"/>
      <c r="J1358" s="235"/>
      <c r="K1358" s="235"/>
      <c r="L1358" s="235"/>
      <c r="M1358" s="235"/>
      <c r="N1358" s="235"/>
      <c r="O1358" s="235"/>
      <c r="P1358" s="235"/>
      <c r="Q1358" s="235"/>
      <c r="R1358" s="235"/>
      <c r="S1358" s="235"/>
      <c r="T1358" s="235"/>
      <c r="U1358" s="235"/>
      <c r="V1358" s="235"/>
      <c r="W1358" s="235"/>
      <c r="X1358" s="235"/>
      <c r="Y1358" s="235"/>
      <c r="Z1358" s="235"/>
      <c r="AA1358" s="235"/>
      <c r="AB1358" s="235"/>
      <c r="AC1358" s="235"/>
      <c r="AD1358" s="235"/>
      <c r="AE1358" s="235"/>
      <c r="AF1358" s="235"/>
      <c r="AG1358" s="235"/>
      <c r="AH1358" s="235"/>
      <c r="AI1358" s="235"/>
      <c r="AJ1358" s="236"/>
      <c r="AK1358" s="229"/>
      <c r="AL1358" s="230"/>
    </row>
    <row r="1359" spans="1:38" thickTop="1">
      <c r="B1359" s="7"/>
      <c r="C1359" s="231" t="s">
        <v>464</v>
      </c>
      <c r="D1359" s="232"/>
      <c r="E1359" s="232"/>
      <c r="F1359" s="232"/>
      <c r="G1359" s="232"/>
      <c r="H1359" s="232"/>
      <c r="I1359" s="232"/>
      <c r="J1359" s="232"/>
      <c r="K1359" s="232"/>
      <c r="L1359" s="232"/>
      <c r="M1359" s="232"/>
      <c r="N1359" s="232"/>
      <c r="O1359" s="232"/>
      <c r="P1359" s="232"/>
      <c r="Q1359" s="232"/>
      <c r="R1359" s="232"/>
      <c r="S1359" s="232"/>
      <c r="T1359" s="232"/>
      <c r="U1359" s="232"/>
      <c r="V1359" s="232"/>
      <c r="W1359" s="232"/>
      <c r="X1359" s="232"/>
      <c r="Y1359" s="232"/>
      <c r="Z1359" s="232"/>
      <c r="AA1359" s="232"/>
      <c r="AB1359" s="232"/>
      <c r="AC1359" s="232"/>
      <c r="AD1359" s="232"/>
      <c r="AE1359" s="232"/>
      <c r="AF1359" s="232"/>
      <c r="AG1359" s="232"/>
      <c r="AH1359" s="232"/>
      <c r="AI1359" s="232"/>
      <c r="AJ1359" s="233"/>
      <c r="AK1359" s="227"/>
      <c r="AL1359" s="228"/>
    </row>
    <row r="1360" spans="1:38" thickBot="1">
      <c r="B1360" s="7"/>
      <c r="C1360" s="234"/>
      <c r="D1360" s="235"/>
      <c r="E1360" s="235"/>
      <c r="F1360" s="235"/>
      <c r="G1360" s="235"/>
      <c r="H1360" s="235"/>
      <c r="I1360" s="235"/>
      <c r="J1360" s="235"/>
      <c r="K1360" s="235"/>
      <c r="L1360" s="235"/>
      <c r="M1360" s="235"/>
      <c r="N1360" s="235"/>
      <c r="O1360" s="235"/>
      <c r="P1360" s="235"/>
      <c r="Q1360" s="235"/>
      <c r="R1360" s="235"/>
      <c r="S1360" s="235"/>
      <c r="T1360" s="235"/>
      <c r="U1360" s="235"/>
      <c r="V1360" s="235"/>
      <c r="W1360" s="235"/>
      <c r="X1360" s="235"/>
      <c r="Y1360" s="235"/>
      <c r="Z1360" s="235"/>
      <c r="AA1360" s="235"/>
      <c r="AB1360" s="235"/>
      <c r="AC1360" s="235"/>
      <c r="AD1360" s="235"/>
      <c r="AE1360" s="235"/>
      <c r="AF1360" s="235"/>
      <c r="AG1360" s="235"/>
      <c r="AH1360" s="235"/>
      <c r="AI1360" s="235"/>
      <c r="AJ1360" s="236"/>
      <c r="AK1360" s="229"/>
      <c r="AL1360" s="230"/>
    </row>
    <row r="1361" spans="1:38" thickTop="1">
      <c r="B1361" s="7"/>
      <c r="C1361" s="231" t="s">
        <v>465</v>
      </c>
      <c r="D1361" s="232"/>
      <c r="E1361" s="232"/>
      <c r="F1361" s="232"/>
      <c r="G1361" s="232"/>
      <c r="H1361" s="232"/>
      <c r="I1361" s="232"/>
      <c r="J1361" s="232"/>
      <c r="K1361" s="232"/>
      <c r="L1361" s="232"/>
      <c r="M1361" s="232"/>
      <c r="N1361" s="232"/>
      <c r="O1361" s="232"/>
      <c r="P1361" s="232"/>
      <c r="Q1361" s="232"/>
      <c r="R1361" s="232"/>
      <c r="S1361" s="232"/>
      <c r="T1361" s="232"/>
      <c r="U1361" s="232"/>
      <c r="V1361" s="232"/>
      <c r="W1361" s="232"/>
      <c r="X1361" s="232"/>
      <c r="Y1361" s="232"/>
      <c r="Z1361" s="232"/>
      <c r="AA1361" s="232"/>
      <c r="AB1361" s="232"/>
      <c r="AC1361" s="232"/>
      <c r="AD1361" s="232"/>
      <c r="AE1361" s="232"/>
      <c r="AF1361" s="232"/>
      <c r="AG1361" s="232"/>
      <c r="AH1361" s="232"/>
      <c r="AI1361" s="232"/>
      <c r="AJ1361" s="233"/>
      <c r="AK1361" s="227"/>
      <c r="AL1361" s="228"/>
    </row>
    <row r="1362" spans="1:38" thickBot="1">
      <c r="B1362" s="7"/>
      <c r="C1362" s="234"/>
      <c r="D1362" s="235"/>
      <c r="E1362" s="235"/>
      <c r="F1362" s="235"/>
      <c r="G1362" s="235"/>
      <c r="H1362" s="235"/>
      <c r="I1362" s="235"/>
      <c r="J1362" s="235"/>
      <c r="K1362" s="235"/>
      <c r="L1362" s="235"/>
      <c r="M1362" s="235"/>
      <c r="N1362" s="235"/>
      <c r="O1362" s="235"/>
      <c r="P1362" s="235"/>
      <c r="Q1362" s="235"/>
      <c r="R1362" s="235"/>
      <c r="S1362" s="235"/>
      <c r="T1362" s="235"/>
      <c r="U1362" s="235"/>
      <c r="V1362" s="235"/>
      <c r="W1362" s="235"/>
      <c r="X1362" s="235"/>
      <c r="Y1362" s="235"/>
      <c r="Z1362" s="235"/>
      <c r="AA1362" s="235"/>
      <c r="AB1362" s="235"/>
      <c r="AC1362" s="235"/>
      <c r="AD1362" s="235"/>
      <c r="AE1362" s="235"/>
      <c r="AF1362" s="235"/>
      <c r="AG1362" s="235"/>
      <c r="AH1362" s="235"/>
      <c r="AI1362" s="235"/>
      <c r="AJ1362" s="236"/>
      <c r="AK1362" s="229"/>
      <c r="AL1362" s="230"/>
    </row>
    <row r="1363" spans="1:38" ht="13.5" customHeight="1" thickTop="1">
      <c r="C1363" s="1" t="s">
        <v>59</v>
      </c>
      <c r="D1363" s="255" t="s">
        <v>373</v>
      </c>
      <c r="E1363" s="255"/>
      <c r="F1363" s="255"/>
      <c r="G1363" s="255"/>
      <c r="H1363" s="255"/>
      <c r="I1363" s="255"/>
      <c r="J1363" s="255"/>
      <c r="K1363" s="255"/>
      <c r="L1363" s="255"/>
      <c r="M1363" s="255"/>
      <c r="N1363" s="255"/>
      <c r="O1363" s="255"/>
      <c r="P1363" s="255"/>
      <c r="Q1363" s="255"/>
      <c r="R1363" s="255"/>
      <c r="S1363" s="255"/>
      <c r="T1363" s="255"/>
      <c r="U1363" s="255"/>
      <c r="V1363" s="255"/>
      <c r="W1363" s="255"/>
      <c r="X1363" s="255"/>
      <c r="Y1363" s="255"/>
      <c r="Z1363" s="255"/>
      <c r="AA1363" s="255"/>
      <c r="AB1363" s="255"/>
      <c r="AC1363" s="255"/>
      <c r="AD1363" s="255"/>
      <c r="AE1363" s="255"/>
      <c r="AF1363" s="255"/>
      <c r="AG1363" s="255"/>
      <c r="AH1363" s="255"/>
      <c r="AI1363" s="255"/>
      <c r="AJ1363" s="255"/>
    </row>
    <row r="1364" spans="1:38" ht="13">
      <c r="C1364" s="45"/>
      <c r="D1364" s="223"/>
      <c r="E1364" s="223"/>
      <c r="F1364" s="223"/>
      <c r="G1364" s="223"/>
      <c r="H1364" s="223"/>
      <c r="I1364" s="223"/>
      <c r="J1364" s="223"/>
      <c r="K1364" s="223"/>
      <c r="L1364" s="223"/>
      <c r="M1364" s="223"/>
      <c r="N1364" s="223"/>
      <c r="O1364" s="223"/>
      <c r="P1364" s="223"/>
      <c r="Q1364" s="223"/>
      <c r="R1364" s="223"/>
      <c r="S1364" s="223"/>
      <c r="T1364" s="223"/>
      <c r="U1364" s="223"/>
      <c r="V1364" s="223"/>
      <c r="W1364" s="223"/>
      <c r="X1364" s="223"/>
      <c r="Y1364" s="223"/>
      <c r="Z1364" s="223"/>
      <c r="AA1364" s="223"/>
      <c r="AB1364" s="223"/>
      <c r="AC1364" s="223"/>
      <c r="AD1364" s="223"/>
      <c r="AE1364" s="223"/>
      <c r="AF1364" s="223"/>
      <c r="AG1364" s="223"/>
      <c r="AH1364" s="223"/>
      <c r="AI1364" s="223"/>
      <c r="AJ1364" s="223"/>
      <c r="AK1364" s="44"/>
      <c r="AL1364" s="44"/>
    </row>
    <row r="1365" spans="1:38" ht="13.5" customHeight="1" thickBot="1">
      <c r="D1365" s="52"/>
      <c r="E1365" s="52"/>
      <c r="F1365" s="52"/>
      <c r="G1365" s="52"/>
      <c r="H1365" s="52"/>
      <c r="I1365" s="52"/>
      <c r="J1365" s="52"/>
      <c r="K1365" s="52"/>
      <c r="L1365" s="52"/>
      <c r="M1365" s="52"/>
      <c r="N1365" s="52"/>
      <c r="O1365" s="52"/>
      <c r="P1365" s="52"/>
      <c r="Q1365" s="52"/>
      <c r="R1365" s="52"/>
      <c r="S1365" s="52"/>
      <c r="T1365" s="52"/>
      <c r="U1365" s="52"/>
      <c r="V1365" s="52"/>
      <c r="W1365" s="52"/>
      <c r="X1365" s="52"/>
      <c r="Y1365" s="52"/>
      <c r="Z1365" s="52"/>
      <c r="AA1365" s="52"/>
      <c r="AB1365" s="52"/>
      <c r="AC1365" s="52"/>
      <c r="AD1365" s="52"/>
      <c r="AE1365" s="52"/>
      <c r="AF1365" s="52"/>
      <c r="AG1365" s="52"/>
      <c r="AH1365" s="52"/>
      <c r="AI1365" s="52"/>
      <c r="AJ1365" s="52"/>
    </row>
    <row r="1366" spans="1:38" ht="13.5" customHeight="1" thickTop="1">
      <c r="A1366" s="215">
        <v>131</v>
      </c>
      <c r="B1366" s="216"/>
      <c r="C1366" s="219" t="s">
        <v>603</v>
      </c>
      <c r="D1366" s="220"/>
      <c r="E1366" s="220"/>
      <c r="F1366" s="220"/>
      <c r="G1366" s="220"/>
      <c r="H1366" s="220"/>
      <c r="I1366" s="220"/>
      <c r="J1366" s="220"/>
      <c r="K1366" s="220"/>
      <c r="L1366" s="220"/>
      <c r="M1366" s="220"/>
      <c r="N1366" s="220"/>
      <c r="O1366" s="220"/>
      <c r="P1366" s="220"/>
      <c r="Q1366" s="220"/>
      <c r="R1366" s="220"/>
      <c r="S1366" s="220"/>
      <c r="T1366" s="220"/>
      <c r="U1366" s="220"/>
      <c r="V1366" s="220"/>
      <c r="W1366" s="220"/>
      <c r="X1366" s="220"/>
      <c r="Y1366" s="220"/>
      <c r="Z1366" s="220"/>
      <c r="AA1366" s="220"/>
      <c r="AB1366" s="220"/>
      <c r="AC1366" s="220"/>
      <c r="AD1366" s="220"/>
      <c r="AE1366" s="220"/>
      <c r="AF1366" s="220"/>
      <c r="AG1366" s="220"/>
      <c r="AH1366" s="220"/>
      <c r="AI1366" s="220"/>
      <c r="AJ1366" s="221"/>
      <c r="AK1366" s="227"/>
      <c r="AL1366" s="228"/>
    </row>
    <row r="1367" spans="1:38" ht="13.5" customHeight="1" thickBot="1">
      <c r="A1367" s="217"/>
      <c r="B1367" s="218"/>
      <c r="C1367" s="222"/>
      <c r="D1367" s="223"/>
      <c r="E1367" s="223"/>
      <c r="F1367" s="223"/>
      <c r="G1367" s="223"/>
      <c r="H1367" s="223"/>
      <c r="I1367" s="223"/>
      <c r="J1367" s="223"/>
      <c r="K1367" s="223"/>
      <c r="L1367" s="223"/>
      <c r="M1367" s="223"/>
      <c r="N1367" s="223"/>
      <c r="O1367" s="223"/>
      <c r="P1367" s="223"/>
      <c r="Q1367" s="223"/>
      <c r="R1367" s="223"/>
      <c r="S1367" s="223"/>
      <c r="T1367" s="223"/>
      <c r="U1367" s="223"/>
      <c r="V1367" s="223"/>
      <c r="W1367" s="223"/>
      <c r="X1367" s="223"/>
      <c r="Y1367" s="223"/>
      <c r="Z1367" s="223"/>
      <c r="AA1367" s="223"/>
      <c r="AB1367" s="223"/>
      <c r="AC1367" s="223"/>
      <c r="AD1367" s="223"/>
      <c r="AE1367" s="223"/>
      <c r="AF1367" s="223"/>
      <c r="AG1367" s="223"/>
      <c r="AH1367" s="223"/>
      <c r="AI1367" s="223"/>
      <c r="AJ1367" s="224"/>
      <c r="AK1367" s="229"/>
      <c r="AL1367" s="230"/>
    </row>
    <row r="1368" spans="1:38" ht="13.5" customHeight="1" thickTop="1">
      <c r="B1368" s="10"/>
      <c r="C1368" s="225"/>
      <c r="D1368" s="226"/>
      <c r="E1368" s="226"/>
      <c r="F1368" s="226"/>
      <c r="G1368" s="226"/>
      <c r="H1368" s="226"/>
      <c r="I1368" s="226"/>
      <c r="J1368" s="226"/>
      <c r="K1368" s="226"/>
      <c r="L1368" s="226"/>
      <c r="M1368" s="226"/>
      <c r="N1368" s="226"/>
      <c r="O1368" s="226"/>
      <c r="P1368" s="226"/>
      <c r="Q1368" s="226"/>
      <c r="R1368" s="226"/>
      <c r="S1368" s="226"/>
      <c r="T1368" s="226"/>
      <c r="U1368" s="226"/>
      <c r="V1368" s="226"/>
      <c r="W1368" s="226"/>
      <c r="X1368" s="226"/>
      <c r="Y1368" s="226"/>
      <c r="Z1368" s="226"/>
      <c r="AA1368" s="226"/>
      <c r="AB1368" s="226"/>
      <c r="AC1368" s="226"/>
      <c r="AD1368" s="226"/>
      <c r="AE1368" s="226"/>
      <c r="AF1368" s="226"/>
      <c r="AG1368" s="226"/>
      <c r="AH1368" s="226"/>
      <c r="AI1368" s="226"/>
      <c r="AJ1368" s="226"/>
      <c r="AK1368" s="3"/>
      <c r="AL1368" s="39"/>
    </row>
    <row r="1369" spans="1:38" thickBot="1"/>
    <row r="1370" spans="1:38" thickTop="1">
      <c r="B1370" s="7"/>
      <c r="C1370" s="231" t="s">
        <v>466</v>
      </c>
      <c r="D1370" s="232"/>
      <c r="E1370" s="232"/>
      <c r="F1370" s="232"/>
      <c r="G1370" s="232"/>
      <c r="H1370" s="232"/>
      <c r="I1370" s="232"/>
      <c r="J1370" s="232"/>
      <c r="K1370" s="232"/>
      <c r="L1370" s="232"/>
      <c r="M1370" s="232"/>
      <c r="N1370" s="232"/>
      <c r="O1370" s="232"/>
      <c r="P1370" s="232"/>
      <c r="Q1370" s="232"/>
      <c r="R1370" s="232"/>
      <c r="S1370" s="232"/>
      <c r="T1370" s="232"/>
      <c r="U1370" s="232"/>
      <c r="V1370" s="232"/>
      <c r="W1370" s="232"/>
      <c r="X1370" s="232"/>
      <c r="Y1370" s="232"/>
      <c r="Z1370" s="232"/>
      <c r="AA1370" s="232"/>
      <c r="AB1370" s="232"/>
      <c r="AC1370" s="232"/>
      <c r="AD1370" s="232"/>
      <c r="AE1370" s="232"/>
      <c r="AF1370" s="232"/>
      <c r="AG1370" s="232"/>
      <c r="AH1370" s="232"/>
      <c r="AI1370" s="232"/>
      <c r="AJ1370" s="233"/>
      <c r="AK1370" s="227"/>
      <c r="AL1370" s="228"/>
    </row>
    <row r="1371" spans="1:38" thickBot="1">
      <c r="B1371" s="7"/>
      <c r="C1371" s="234"/>
      <c r="D1371" s="235"/>
      <c r="E1371" s="235"/>
      <c r="F1371" s="235"/>
      <c r="G1371" s="235"/>
      <c r="H1371" s="235"/>
      <c r="I1371" s="235"/>
      <c r="J1371" s="235"/>
      <c r="K1371" s="235"/>
      <c r="L1371" s="235"/>
      <c r="M1371" s="235"/>
      <c r="N1371" s="235"/>
      <c r="O1371" s="235"/>
      <c r="P1371" s="235"/>
      <c r="Q1371" s="235"/>
      <c r="R1371" s="235"/>
      <c r="S1371" s="235"/>
      <c r="T1371" s="235"/>
      <c r="U1371" s="235"/>
      <c r="V1371" s="235"/>
      <c r="W1371" s="235"/>
      <c r="X1371" s="235"/>
      <c r="Y1371" s="235"/>
      <c r="Z1371" s="235"/>
      <c r="AA1371" s="235"/>
      <c r="AB1371" s="235"/>
      <c r="AC1371" s="235"/>
      <c r="AD1371" s="235"/>
      <c r="AE1371" s="235"/>
      <c r="AF1371" s="235"/>
      <c r="AG1371" s="235"/>
      <c r="AH1371" s="235"/>
      <c r="AI1371" s="235"/>
      <c r="AJ1371" s="236"/>
      <c r="AK1371" s="229"/>
      <c r="AL1371" s="230"/>
    </row>
    <row r="1372" spans="1:38" thickTop="1">
      <c r="C1372" s="44" t="s">
        <v>59</v>
      </c>
      <c r="D1372" s="237" t="s">
        <v>467</v>
      </c>
      <c r="E1372" s="237"/>
      <c r="F1372" s="237"/>
      <c r="G1372" s="237"/>
      <c r="H1372" s="237"/>
      <c r="I1372" s="237"/>
      <c r="J1372" s="237"/>
      <c r="K1372" s="237"/>
      <c r="L1372" s="237"/>
      <c r="M1372" s="237"/>
      <c r="N1372" s="237"/>
      <c r="O1372" s="237"/>
      <c r="P1372" s="237"/>
      <c r="Q1372" s="237"/>
      <c r="R1372" s="237"/>
      <c r="S1372" s="237"/>
      <c r="T1372" s="237"/>
      <c r="U1372" s="237"/>
      <c r="V1372" s="237"/>
      <c r="W1372" s="237"/>
      <c r="X1372" s="237"/>
      <c r="Y1372" s="237"/>
      <c r="Z1372" s="237"/>
      <c r="AA1372" s="237"/>
      <c r="AB1372" s="237"/>
      <c r="AC1372" s="237"/>
      <c r="AD1372" s="237"/>
      <c r="AE1372" s="237"/>
      <c r="AF1372" s="237"/>
      <c r="AG1372" s="237"/>
      <c r="AH1372" s="237"/>
      <c r="AI1372" s="237"/>
      <c r="AJ1372" s="237"/>
      <c r="AK1372" s="44"/>
      <c r="AL1372" s="44"/>
    </row>
    <row r="1373" spans="1:38" ht="13.5" customHeight="1">
      <c r="D1373" s="238"/>
      <c r="E1373" s="238"/>
      <c r="F1373" s="238"/>
      <c r="G1373" s="238"/>
      <c r="H1373" s="238"/>
      <c r="I1373" s="238"/>
      <c r="J1373" s="238"/>
      <c r="K1373" s="238"/>
      <c r="L1373" s="238"/>
      <c r="M1373" s="238"/>
      <c r="N1373" s="238"/>
      <c r="O1373" s="238"/>
      <c r="P1373" s="238"/>
      <c r="Q1373" s="238"/>
      <c r="R1373" s="238"/>
      <c r="S1373" s="238"/>
      <c r="T1373" s="238"/>
      <c r="U1373" s="238"/>
      <c r="V1373" s="238"/>
      <c r="W1373" s="238"/>
      <c r="X1373" s="238"/>
      <c r="Y1373" s="238"/>
      <c r="Z1373" s="238"/>
      <c r="AA1373" s="238"/>
      <c r="AB1373" s="238"/>
      <c r="AC1373" s="238"/>
      <c r="AD1373" s="238"/>
      <c r="AE1373" s="238"/>
      <c r="AF1373" s="238"/>
      <c r="AG1373" s="238"/>
      <c r="AH1373" s="238"/>
      <c r="AI1373" s="238"/>
      <c r="AJ1373" s="238"/>
    </row>
    <row r="1374" spans="1:38" ht="13.5" customHeight="1">
      <c r="D1374" s="52"/>
      <c r="E1374" s="52"/>
      <c r="F1374" s="52"/>
      <c r="G1374" s="52"/>
      <c r="H1374" s="52"/>
      <c r="I1374" s="52"/>
      <c r="J1374" s="52"/>
      <c r="K1374" s="52"/>
      <c r="L1374" s="52"/>
      <c r="M1374" s="52"/>
      <c r="N1374" s="52"/>
      <c r="O1374" s="52"/>
      <c r="P1374" s="52"/>
      <c r="Q1374" s="52"/>
      <c r="R1374" s="52"/>
      <c r="S1374" s="52"/>
      <c r="T1374" s="52"/>
      <c r="U1374" s="52"/>
      <c r="V1374" s="52"/>
      <c r="W1374" s="52"/>
      <c r="X1374" s="52"/>
      <c r="Y1374" s="52"/>
      <c r="Z1374" s="52"/>
      <c r="AA1374" s="52"/>
      <c r="AB1374" s="52"/>
      <c r="AC1374" s="52"/>
      <c r="AD1374" s="52"/>
      <c r="AE1374" s="52"/>
      <c r="AF1374" s="52"/>
      <c r="AG1374" s="52"/>
      <c r="AH1374" s="52"/>
      <c r="AI1374" s="52"/>
      <c r="AJ1374" s="52"/>
    </row>
    <row r="1375" spans="1:38" ht="13.5" customHeight="1">
      <c r="A1375" s="14" t="s">
        <v>155</v>
      </c>
      <c r="B1375" s="17"/>
      <c r="C1375" s="17"/>
      <c r="D1375" s="17"/>
      <c r="E1375" s="17"/>
      <c r="F1375" s="17"/>
      <c r="G1375" s="17"/>
      <c r="H1375" s="17"/>
      <c r="I1375" s="17"/>
      <c r="J1375" s="17"/>
      <c r="K1375" s="17"/>
      <c r="L1375" s="17"/>
      <c r="M1375" s="17"/>
      <c r="N1375" s="17"/>
      <c r="O1375" s="17"/>
      <c r="P1375" s="17"/>
      <c r="Q1375" s="17"/>
      <c r="R1375" s="37"/>
      <c r="S1375" s="37"/>
      <c r="T1375" s="37"/>
      <c r="U1375" s="37"/>
      <c r="V1375" s="37"/>
      <c r="W1375" s="37"/>
      <c r="X1375" s="37"/>
      <c r="Y1375" s="37"/>
      <c r="Z1375" s="37"/>
      <c r="AA1375" s="37"/>
      <c r="AB1375" s="37"/>
      <c r="AC1375" s="37"/>
      <c r="AD1375" s="37"/>
      <c r="AE1375" s="37"/>
      <c r="AF1375" s="37"/>
      <c r="AG1375" s="37"/>
      <c r="AH1375" s="37"/>
      <c r="AI1375" s="37"/>
      <c r="AJ1375" s="37"/>
      <c r="AK1375" s="46"/>
      <c r="AL1375" s="46"/>
    </row>
    <row r="1376" spans="1:38" ht="13.5" customHeight="1" thickBot="1">
      <c r="A1376" s="11" t="s">
        <v>247</v>
      </c>
      <c r="B1376" s="47"/>
      <c r="C1376" s="37"/>
      <c r="D1376" s="37"/>
      <c r="E1376" s="37"/>
      <c r="F1376" s="37"/>
      <c r="G1376" s="37"/>
      <c r="H1376" s="37"/>
      <c r="I1376" s="37"/>
      <c r="J1376" s="37"/>
      <c r="K1376" s="37"/>
      <c r="L1376" s="37"/>
      <c r="M1376" s="37"/>
      <c r="N1376" s="37"/>
      <c r="O1376" s="37"/>
      <c r="P1376" s="37"/>
      <c r="Q1376" s="37"/>
      <c r="R1376" s="37"/>
      <c r="S1376" s="37"/>
      <c r="T1376" s="37"/>
      <c r="U1376" s="37"/>
      <c r="V1376" s="37"/>
      <c r="W1376" s="37"/>
      <c r="X1376" s="37"/>
      <c r="Y1376" s="37"/>
      <c r="Z1376" s="37"/>
      <c r="AA1376" s="37"/>
      <c r="AB1376" s="37"/>
      <c r="AC1376" s="37"/>
      <c r="AD1376" s="37"/>
      <c r="AE1376" s="37"/>
      <c r="AF1376" s="37"/>
      <c r="AG1376" s="37"/>
      <c r="AH1376" s="37"/>
      <c r="AI1376" s="37"/>
      <c r="AJ1376" s="37"/>
      <c r="AK1376" s="46"/>
      <c r="AL1376" s="46"/>
    </row>
    <row r="1377" spans="1:38" ht="13.5" customHeight="1" thickTop="1">
      <c r="A1377" s="215">
        <v>132</v>
      </c>
      <c r="B1377" s="239"/>
      <c r="C1377" s="219" t="s">
        <v>604</v>
      </c>
      <c r="D1377" s="220"/>
      <c r="E1377" s="220"/>
      <c r="F1377" s="220"/>
      <c r="G1377" s="220"/>
      <c r="H1377" s="220"/>
      <c r="I1377" s="220"/>
      <c r="J1377" s="220"/>
      <c r="K1377" s="220"/>
      <c r="L1377" s="220"/>
      <c r="M1377" s="220"/>
      <c r="N1377" s="220"/>
      <c r="O1377" s="220"/>
      <c r="P1377" s="220"/>
      <c r="Q1377" s="220"/>
      <c r="R1377" s="220"/>
      <c r="S1377" s="220"/>
      <c r="T1377" s="220"/>
      <c r="U1377" s="220"/>
      <c r="V1377" s="220"/>
      <c r="W1377" s="220"/>
      <c r="X1377" s="220"/>
      <c r="Y1377" s="220"/>
      <c r="Z1377" s="220"/>
      <c r="AA1377" s="220"/>
      <c r="AB1377" s="220"/>
      <c r="AC1377" s="220"/>
      <c r="AD1377" s="220"/>
      <c r="AE1377" s="220"/>
      <c r="AF1377" s="220"/>
      <c r="AG1377" s="220"/>
      <c r="AH1377" s="220"/>
      <c r="AI1377" s="220"/>
      <c r="AJ1377" s="220"/>
      <c r="AK1377" s="227"/>
      <c r="AL1377" s="228"/>
    </row>
    <row r="1378" spans="1:38" ht="13.5" customHeight="1" thickBot="1">
      <c r="A1378" s="217"/>
      <c r="B1378" s="240"/>
      <c r="C1378" s="222"/>
      <c r="D1378" s="315"/>
      <c r="E1378" s="315"/>
      <c r="F1378" s="315"/>
      <c r="G1378" s="315"/>
      <c r="H1378" s="315"/>
      <c r="I1378" s="315"/>
      <c r="J1378" s="315"/>
      <c r="K1378" s="315"/>
      <c r="L1378" s="315"/>
      <c r="M1378" s="315"/>
      <c r="N1378" s="315"/>
      <c r="O1378" s="315"/>
      <c r="P1378" s="315"/>
      <c r="Q1378" s="315"/>
      <c r="R1378" s="315"/>
      <c r="S1378" s="315"/>
      <c r="T1378" s="315"/>
      <c r="U1378" s="315"/>
      <c r="V1378" s="315"/>
      <c r="W1378" s="315"/>
      <c r="X1378" s="315"/>
      <c r="Y1378" s="315"/>
      <c r="Z1378" s="315"/>
      <c r="AA1378" s="315"/>
      <c r="AB1378" s="315"/>
      <c r="AC1378" s="315"/>
      <c r="AD1378" s="315"/>
      <c r="AE1378" s="315"/>
      <c r="AF1378" s="315"/>
      <c r="AG1378" s="315"/>
      <c r="AH1378" s="315"/>
      <c r="AI1378" s="315"/>
      <c r="AJ1378" s="315"/>
      <c r="AK1378" s="229"/>
      <c r="AL1378" s="230"/>
    </row>
    <row r="1379" spans="1:38" ht="13.5" customHeight="1" thickTop="1">
      <c r="A1379" s="47"/>
      <c r="B1379" s="47"/>
      <c r="C1379" s="222"/>
      <c r="D1379" s="315"/>
      <c r="E1379" s="315"/>
      <c r="F1379" s="315"/>
      <c r="G1379" s="315"/>
      <c r="H1379" s="315"/>
      <c r="I1379" s="315"/>
      <c r="J1379" s="315"/>
      <c r="K1379" s="315"/>
      <c r="L1379" s="315"/>
      <c r="M1379" s="315"/>
      <c r="N1379" s="315"/>
      <c r="O1379" s="315"/>
      <c r="P1379" s="315"/>
      <c r="Q1379" s="315"/>
      <c r="R1379" s="315"/>
      <c r="S1379" s="315"/>
      <c r="T1379" s="315"/>
      <c r="U1379" s="315"/>
      <c r="V1379" s="315"/>
      <c r="W1379" s="315"/>
      <c r="X1379" s="315"/>
      <c r="Y1379" s="315"/>
      <c r="Z1379" s="315"/>
      <c r="AA1379" s="315"/>
      <c r="AB1379" s="315"/>
      <c r="AC1379" s="315"/>
      <c r="AD1379" s="315"/>
      <c r="AE1379" s="315"/>
      <c r="AF1379" s="315"/>
      <c r="AG1379" s="315"/>
      <c r="AH1379" s="315"/>
      <c r="AI1379" s="315"/>
      <c r="AJ1379" s="315"/>
      <c r="AK1379" s="3"/>
      <c r="AL1379" s="46"/>
    </row>
    <row r="1380" spans="1:38" ht="13.5" customHeight="1">
      <c r="A1380" s="47"/>
      <c r="B1380" s="47"/>
      <c r="C1380" s="222"/>
      <c r="D1380" s="315"/>
      <c r="E1380" s="315"/>
      <c r="F1380" s="315"/>
      <c r="G1380" s="315"/>
      <c r="H1380" s="315"/>
      <c r="I1380" s="315"/>
      <c r="J1380" s="315"/>
      <c r="K1380" s="315"/>
      <c r="L1380" s="315"/>
      <c r="M1380" s="315"/>
      <c r="N1380" s="315"/>
      <c r="O1380" s="315"/>
      <c r="P1380" s="315"/>
      <c r="Q1380" s="315"/>
      <c r="R1380" s="315"/>
      <c r="S1380" s="315"/>
      <c r="T1380" s="315"/>
      <c r="U1380" s="315"/>
      <c r="V1380" s="315"/>
      <c r="W1380" s="315"/>
      <c r="X1380" s="315"/>
      <c r="Y1380" s="315"/>
      <c r="Z1380" s="315"/>
      <c r="AA1380" s="315"/>
      <c r="AB1380" s="315"/>
      <c r="AC1380" s="315"/>
      <c r="AD1380" s="315"/>
      <c r="AE1380" s="315"/>
      <c r="AF1380" s="315"/>
      <c r="AG1380" s="315"/>
      <c r="AH1380" s="315"/>
      <c r="AI1380" s="315"/>
      <c r="AJ1380" s="315"/>
      <c r="AK1380" s="50"/>
      <c r="AL1380" s="46"/>
    </row>
    <row r="1381" spans="1:38" ht="13.5" customHeight="1">
      <c r="A1381" s="47"/>
      <c r="B1381" s="47"/>
      <c r="C1381" s="486" t="s">
        <v>206</v>
      </c>
      <c r="D1381" s="486"/>
      <c r="E1381" s="486"/>
      <c r="F1381" s="486"/>
      <c r="G1381" s="486"/>
      <c r="H1381" s="486"/>
      <c r="I1381" s="486"/>
      <c r="J1381" s="486"/>
      <c r="K1381" s="486"/>
      <c r="L1381" s="486"/>
      <c r="M1381" s="486"/>
      <c r="N1381" s="486"/>
      <c r="O1381" s="486"/>
      <c r="P1381" s="486"/>
      <c r="Q1381" s="486"/>
      <c r="R1381" s="486"/>
      <c r="S1381" s="486"/>
      <c r="T1381" s="486"/>
      <c r="U1381" s="486"/>
      <c r="V1381" s="486"/>
      <c r="W1381" s="486"/>
      <c r="X1381" s="486"/>
      <c r="Y1381" s="486"/>
      <c r="Z1381" s="486"/>
      <c r="AA1381" s="486"/>
      <c r="AB1381" s="486"/>
      <c r="AC1381" s="486"/>
      <c r="AD1381" s="486"/>
      <c r="AE1381" s="486"/>
      <c r="AF1381" s="486"/>
      <c r="AG1381" s="486"/>
      <c r="AH1381" s="486"/>
      <c r="AI1381" s="486"/>
      <c r="AJ1381" s="486"/>
      <c r="AK1381" s="46"/>
      <c r="AL1381" s="46"/>
    </row>
    <row r="1382" spans="1:38" ht="13.5" customHeight="1">
      <c r="A1382" s="47"/>
      <c r="B1382" s="47"/>
      <c r="C1382" s="37"/>
      <c r="D1382" s="37"/>
      <c r="E1382" s="37"/>
      <c r="F1382" s="37"/>
      <c r="G1382" s="37"/>
      <c r="H1382" s="37"/>
      <c r="I1382" s="37"/>
      <c r="J1382" s="37"/>
      <c r="K1382" s="37"/>
      <c r="L1382" s="37"/>
      <c r="M1382" s="37"/>
      <c r="N1382" s="37"/>
      <c r="O1382" s="37"/>
      <c r="P1382" s="37"/>
      <c r="Q1382" s="37"/>
      <c r="R1382" s="37"/>
      <c r="S1382" s="37"/>
      <c r="T1382" s="37"/>
      <c r="U1382" s="37"/>
      <c r="V1382" s="37"/>
      <c r="W1382" s="37"/>
      <c r="X1382" s="37"/>
      <c r="Y1382" s="37"/>
      <c r="Z1382" s="37"/>
      <c r="AA1382" s="37"/>
      <c r="AB1382" s="37"/>
      <c r="AC1382" s="37"/>
      <c r="AD1382" s="37"/>
      <c r="AE1382" s="37"/>
      <c r="AF1382" s="37"/>
      <c r="AG1382" s="37"/>
      <c r="AH1382" s="37"/>
      <c r="AI1382" s="37"/>
      <c r="AJ1382" s="37"/>
      <c r="AK1382" s="46"/>
      <c r="AL1382" s="46"/>
    </row>
    <row r="1383" spans="1:38" ht="13.5" customHeight="1">
      <c r="A1383" s="2" t="s">
        <v>156</v>
      </c>
      <c r="AK1383" s="46"/>
      <c r="AL1383" s="46"/>
    </row>
    <row r="1384" spans="1:38" ht="13.5" customHeight="1" thickBot="1">
      <c r="A1384" s="11" t="s">
        <v>248</v>
      </c>
      <c r="AK1384" s="46"/>
      <c r="AL1384" s="46"/>
    </row>
    <row r="1385" spans="1:38" ht="13.5" customHeight="1" thickTop="1">
      <c r="A1385" s="215">
        <v>133</v>
      </c>
      <c r="B1385" s="239"/>
      <c r="C1385" s="219" t="s">
        <v>605</v>
      </c>
      <c r="D1385" s="220"/>
      <c r="E1385" s="220"/>
      <c r="F1385" s="220"/>
      <c r="G1385" s="220"/>
      <c r="H1385" s="220"/>
      <c r="I1385" s="220"/>
      <c r="J1385" s="220"/>
      <c r="K1385" s="220"/>
      <c r="L1385" s="220"/>
      <c r="M1385" s="220"/>
      <c r="N1385" s="220"/>
      <c r="O1385" s="220"/>
      <c r="P1385" s="220"/>
      <c r="Q1385" s="220"/>
      <c r="R1385" s="220"/>
      <c r="S1385" s="220"/>
      <c r="T1385" s="220"/>
      <c r="U1385" s="220"/>
      <c r="V1385" s="220"/>
      <c r="W1385" s="220"/>
      <c r="X1385" s="220"/>
      <c r="Y1385" s="220"/>
      <c r="Z1385" s="220"/>
      <c r="AA1385" s="220"/>
      <c r="AB1385" s="220"/>
      <c r="AC1385" s="220"/>
      <c r="AD1385" s="220"/>
      <c r="AE1385" s="220"/>
      <c r="AF1385" s="220"/>
      <c r="AG1385" s="220"/>
      <c r="AH1385" s="220"/>
      <c r="AI1385" s="220"/>
      <c r="AJ1385" s="220"/>
      <c r="AK1385" s="227"/>
      <c r="AL1385" s="228"/>
    </row>
    <row r="1386" spans="1:38" ht="13.5" customHeight="1" thickBot="1">
      <c r="A1386" s="217"/>
      <c r="B1386" s="240"/>
      <c r="C1386" s="222"/>
      <c r="D1386" s="315"/>
      <c r="E1386" s="315"/>
      <c r="F1386" s="315"/>
      <c r="G1386" s="315"/>
      <c r="H1386" s="315"/>
      <c r="I1386" s="315"/>
      <c r="J1386" s="315"/>
      <c r="K1386" s="315"/>
      <c r="L1386" s="315"/>
      <c r="M1386" s="315"/>
      <c r="N1386" s="315"/>
      <c r="O1386" s="315"/>
      <c r="P1386" s="315"/>
      <c r="Q1386" s="315"/>
      <c r="R1386" s="315"/>
      <c r="S1386" s="315"/>
      <c r="T1386" s="315"/>
      <c r="U1386" s="315"/>
      <c r="V1386" s="315"/>
      <c r="W1386" s="315"/>
      <c r="X1386" s="315"/>
      <c r="Y1386" s="315"/>
      <c r="Z1386" s="315"/>
      <c r="AA1386" s="315"/>
      <c r="AB1386" s="315"/>
      <c r="AC1386" s="315"/>
      <c r="AD1386" s="315"/>
      <c r="AE1386" s="315"/>
      <c r="AF1386" s="315"/>
      <c r="AG1386" s="315"/>
      <c r="AH1386" s="315"/>
      <c r="AI1386" s="315"/>
      <c r="AJ1386" s="315"/>
      <c r="AK1386" s="229"/>
      <c r="AL1386" s="230"/>
    </row>
    <row r="1387" spans="1:38" ht="13.5" customHeight="1" thickTop="1">
      <c r="A1387" s="47"/>
      <c r="B1387" s="47"/>
      <c r="C1387" s="225"/>
      <c r="D1387" s="226"/>
      <c r="E1387" s="226"/>
      <c r="F1387" s="226"/>
      <c r="G1387" s="226"/>
      <c r="H1387" s="226"/>
      <c r="I1387" s="226"/>
      <c r="J1387" s="226"/>
      <c r="K1387" s="226"/>
      <c r="L1387" s="226"/>
      <c r="M1387" s="226"/>
      <c r="N1387" s="226"/>
      <c r="O1387" s="226"/>
      <c r="P1387" s="226"/>
      <c r="Q1387" s="226"/>
      <c r="R1387" s="226"/>
      <c r="S1387" s="226"/>
      <c r="T1387" s="226"/>
      <c r="U1387" s="226"/>
      <c r="V1387" s="226"/>
      <c r="W1387" s="226"/>
      <c r="X1387" s="226"/>
      <c r="Y1387" s="226"/>
      <c r="Z1387" s="226"/>
      <c r="AA1387" s="226"/>
      <c r="AB1387" s="226"/>
      <c r="AC1387" s="226"/>
      <c r="AD1387" s="226"/>
      <c r="AE1387" s="226"/>
      <c r="AF1387" s="226"/>
      <c r="AG1387" s="226"/>
      <c r="AH1387" s="226"/>
      <c r="AI1387" s="226"/>
      <c r="AJ1387" s="318"/>
      <c r="AK1387" s="46"/>
      <c r="AL1387" s="46"/>
    </row>
    <row r="1388" spans="1:38" ht="13.5" customHeight="1" thickBot="1"/>
    <row r="1389" spans="1:38" ht="13.5" customHeight="1" thickTop="1">
      <c r="A1389" s="215">
        <v>134</v>
      </c>
      <c r="B1389" s="239"/>
      <c r="C1389" s="219" t="s">
        <v>606</v>
      </c>
      <c r="D1389" s="220"/>
      <c r="E1389" s="220"/>
      <c r="F1389" s="220"/>
      <c r="G1389" s="220"/>
      <c r="H1389" s="220"/>
      <c r="I1389" s="220"/>
      <c r="J1389" s="220"/>
      <c r="K1389" s="220"/>
      <c r="L1389" s="220"/>
      <c r="M1389" s="220"/>
      <c r="N1389" s="220"/>
      <c r="O1389" s="220"/>
      <c r="P1389" s="220"/>
      <c r="Q1389" s="220"/>
      <c r="R1389" s="220"/>
      <c r="S1389" s="220"/>
      <c r="T1389" s="220"/>
      <c r="U1389" s="220"/>
      <c r="V1389" s="220"/>
      <c r="W1389" s="220"/>
      <c r="X1389" s="220"/>
      <c r="Y1389" s="220"/>
      <c r="Z1389" s="220"/>
      <c r="AA1389" s="220"/>
      <c r="AB1389" s="220"/>
      <c r="AC1389" s="220"/>
      <c r="AD1389" s="220"/>
      <c r="AE1389" s="220"/>
      <c r="AF1389" s="220"/>
      <c r="AG1389" s="220"/>
      <c r="AH1389" s="220"/>
      <c r="AI1389" s="220"/>
      <c r="AJ1389" s="220"/>
      <c r="AK1389" s="227"/>
      <c r="AL1389" s="228"/>
    </row>
    <row r="1390" spans="1:38" ht="13.5" customHeight="1" thickBot="1">
      <c r="A1390" s="217"/>
      <c r="B1390" s="240"/>
      <c r="C1390" s="222"/>
      <c r="D1390" s="315"/>
      <c r="E1390" s="315"/>
      <c r="F1390" s="315"/>
      <c r="G1390" s="315"/>
      <c r="H1390" s="315"/>
      <c r="I1390" s="315"/>
      <c r="J1390" s="315"/>
      <c r="K1390" s="315"/>
      <c r="L1390" s="315"/>
      <c r="M1390" s="315"/>
      <c r="N1390" s="315"/>
      <c r="O1390" s="315"/>
      <c r="P1390" s="315"/>
      <c r="Q1390" s="315"/>
      <c r="R1390" s="315"/>
      <c r="S1390" s="315"/>
      <c r="T1390" s="315"/>
      <c r="U1390" s="315"/>
      <c r="V1390" s="315"/>
      <c r="W1390" s="315"/>
      <c r="X1390" s="315"/>
      <c r="Y1390" s="315"/>
      <c r="Z1390" s="315"/>
      <c r="AA1390" s="315"/>
      <c r="AB1390" s="315"/>
      <c r="AC1390" s="315"/>
      <c r="AD1390" s="315"/>
      <c r="AE1390" s="315"/>
      <c r="AF1390" s="315"/>
      <c r="AG1390" s="315"/>
      <c r="AH1390" s="315"/>
      <c r="AI1390" s="315"/>
      <c r="AJ1390" s="315"/>
      <c r="AK1390" s="229"/>
      <c r="AL1390" s="230"/>
    </row>
    <row r="1391" spans="1:38" ht="13.5" customHeight="1" thickTop="1">
      <c r="A1391" s="18"/>
      <c r="B1391" s="19"/>
      <c r="C1391" s="225"/>
      <c r="D1391" s="226"/>
      <c r="E1391" s="226"/>
      <c r="F1391" s="226"/>
      <c r="G1391" s="226"/>
      <c r="H1391" s="226"/>
      <c r="I1391" s="226"/>
      <c r="J1391" s="226"/>
      <c r="K1391" s="226"/>
      <c r="L1391" s="226"/>
      <c r="M1391" s="226"/>
      <c r="N1391" s="226"/>
      <c r="O1391" s="226"/>
      <c r="P1391" s="226"/>
      <c r="Q1391" s="226"/>
      <c r="R1391" s="226"/>
      <c r="S1391" s="226"/>
      <c r="T1391" s="226"/>
      <c r="U1391" s="226"/>
      <c r="V1391" s="226"/>
      <c r="W1391" s="226"/>
      <c r="X1391" s="226"/>
      <c r="Y1391" s="226"/>
      <c r="Z1391" s="226"/>
      <c r="AA1391" s="226"/>
      <c r="AB1391" s="226"/>
      <c r="AC1391" s="226"/>
      <c r="AD1391" s="226"/>
      <c r="AE1391" s="226"/>
      <c r="AF1391" s="226"/>
      <c r="AG1391" s="226"/>
      <c r="AH1391" s="226"/>
      <c r="AI1391" s="226"/>
      <c r="AJ1391" s="226"/>
      <c r="AK1391" s="3"/>
      <c r="AL1391" s="39"/>
    </row>
    <row r="1392" spans="1:38" ht="13.5" customHeight="1" thickBot="1"/>
    <row r="1393" spans="1:38" ht="13.5" customHeight="1" thickTop="1">
      <c r="C1393" s="231" t="s">
        <v>429</v>
      </c>
      <c r="D1393" s="232"/>
      <c r="E1393" s="232"/>
      <c r="F1393" s="232"/>
      <c r="G1393" s="232"/>
      <c r="H1393" s="232"/>
      <c r="I1393" s="232"/>
      <c r="J1393" s="232"/>
      <c r="K1393" s="232"/>
      <c r="L1393" s="232"/>
      <c r="M1393" s="232"/>
      <c r="N1393" s="232"/>
      <c r="O1393" s="232"/>
      <c r="P1393" s="232"/>
      <c r="Q1393" s="232"/>
      <c r="R1393" s="232"/>
      <c r="S1393" s="232"/>
      <c r="T1393" s="232"/>
      <c r="U1393" s="232"/>
      <c r="V1393" s="232"/>
      <c r="W1393" s="232"/>
      <c r="X1393" s="232"/>
      <c r="Y1393" s="232"/>
      <c r="Z1393" s="232"/>
      <c r="AA1393" s="232"/>
      <c r="AB1393" s="232"/>
      <c r="AC1393" s="232"/>
      <c r="AD1393" s="232"/>
      <c r="AE1393" s="232"/>
      <c r="AF1393" s="232"/>
      <c r="AG1393" s="232"/>
      <c r="AH1393" s="232"/>
      <c r="AI1393" s="232"/>
      <c r="AJ1393" s="232"/>
      <c r="AK1393" s="227"/>
      <c r="AL1393" s="228"/>
    </row>
    <row r="1394" spans="1:38" ht="13.5" customHeight="1" thickBot="1">
      <c r="C1394" s="322"/>
      <c r="D1394" s="315"/>
      <c r="E1394" s="315"/>
      <c r="F1394" s="315"/>
      <c r="G1394" s="315"/>
      <c r="H1394" s="315"/>
      <c r="I1394" s="315"/>
      <c r="J1394" s="315"/>
      <c r="K1394" s="315"/>
      <c r="L1394" s="315"/>
      <c r="M1394" s="315"/>
      <c r="N1394" s="315"/>
      <c r="O1394" s="315"/>
      <c r="P1394" s="315"/>
      <c r="Q1394" s="315"/>
      <c r="R1394" s="315"/>
      <c r="S1394" s="315"/>
      <c r="T1394" s="315"/>
      <c r="U1394" s="315"/>
      <c r="V1394" s="315"/>
      <c r="W1394" s="315"/>
      <c r="X1394" s="315"/>
      <c r="Y1394" s="315"/>
      <c r="Z1394" s="315"/>
      <c r="AA1394" s="315"/>
      <c r="AB1394" s="315"/>
      <c r="AC1394" s="315"/>
      <c r="AD1394" s="315"/>
      <c r="AE1394" s="315"/>
      <c r="AF1394" s="315"/>
      <c r="AG1394" s="315"/>
      <c r="AH1394" s="315"/>
      <c r="AI1394" s="315"/>
      <c r="AJ1394" s="315"/>
      <c r="AK1394" s="229"/>
      <c r="AL1394" s="230"/>
    </row>
    <row r="1395" spans="1:38" ht="13.5" customHeight="1" thickTop="1">
      <c r="B1395" s="5"/>
      <c r="C1395" s="234"/>
      <c r="D1395" s="235"/>
      <c r="E1395" s="235"/>
      <c r="F1395" s="235"/>
      <c r="G1395" s="235"/>
      <c r="H1395" s="235"/>
      <c r="I1395" s="235"/>
      <c r="J1395" s="235"/>
      <c r="K1395" s="235"/>
      <c r="L1395" s="235"/>
      <c r="M1395" s="235"/>
      <c r="N1395" s="235"/>
      <c r="O1395" s="235"/>
      <c r="P1395" s="235"/>
      <c r="Q1395" s="235"/>
      <c r="R1395" s="235"/>
      <c r="S1395" s="235"/>
      <c r="T1395" s="235"/>
      <c r="U1395" s="235"/>
      <c r="V1395" s="235"/>
      <c r="W1395" s="235"/>
      <c r="X1395" s="235"/>
      <c r="Y1395" s="235"/>
      <c r="Z1395" s="235"/>
      <c r="AA1395" s="235"/>
      <c r="AB1395" s="235"/>
      <c r="AC1395" s="235"/>
      <c r="AD1395" s="235"/>
      <c r="AE1395" s="235"/>
      <c r="AF1395" s="235"/>
      <c r="AG1395" s="235"/>
      <c r="AH1395" s="235"/>
      <c r="AI1395" s="235"/>
      <c r="AJ1395" s="235"/>
      <c r="AK1395" s="43"/>
      <c r="AL1395" s="46"/>
    </row>
    <row r="1396" spans="1:38" ht="13.5" customHeight="1" thickBot="1"/>
    <row r="1397" spans="1:38" ht="13.5" customHeight="1" thickTop="1">
      <c r="A1397" s="215">
        <v>135</v>
      </c>
      <c r="B1397" s="239"/>
      <c r="C1397" s="219" t="s">
        <v>607</v>
      </c>
      <c r="D1397" s="220"/>
      <c r="E1397" s="220"/>
      <c r="F1397" s="220"/>
      <c r="G1397" s="220"/>
      <c r="H1397" s="220"/>
      <c r="I1397" s="220"/>
      <c r="J1397" s="220"/>
      <c r="K1397" s="220"/>
      <c r="L1397" s="220"/>
      <c r="M1397" s="220"/>
      <c r="N1397" s="220"/>
      <c r="O1397" s="220"/>
      <c r="P1397" s="220"/>
      <c r="Q1397" s="220"/>
      <c r="R1397" s="220"/>
      <c r="S1397" s="220"/>
      <c r="T1397" s="220"/>
      <c r="U1397" s="220"/>
      <c r="V1397" s="220"/>
      <c r="W1397" s="220"/>
      <c r="X1397" s="220"/>
      <c r="Y1397" s="220"/>
      <c r="Z1397" s="220"/>
      <c r="AA1397" s="220"/>
      <c r="AB1397" s="220"/>
      <c r="AC1397" s="220"/>
      <c r="AD1397" s="220"/>
      <c r="AE1397" s="220"/>
      <c r="AF1397" s="220"/>
      <c r="AG1397" s="220"/>
      <c r="AH1397" s="220"/>
      <c r="AI1397" s="220"/>
      <c r="AJ1397" s="221"/>
      <c r="AK1397" s="227"/>
      <c r="AL1397" s="228"/>
    </row>
    <row r="1398" spans="1:38" ht="13.5" customHeight="1" thickBot="1">
      <c r="A1398" s="217"/>
      <c r="B1398" s="240"/>
      <c r="C1398" s="222"/>
      <c r="D1398" s="315"/>
      <c r="E1398" s="315"/>
      <c r="F1398" s="315"/>
      <c r="G1398" s="315"/>
      <c r="H1398" s="315"/>
      <c r="I1398" s="315"/>
      <c r="J1398" s="315"/>
      <c r="K1398" s="315"/>
      <c r="L1398" s="315"/>
      <c r="M1398" s="315"/>
      <c r="N1398" s="315"/>
      <c r="O1398" s="315"/>
      <c r="P1398" s="315"/>
      <c r="Q1398" s="315"/>
      <c r="R1398" s="315"/>
      <c r="S1398" s="315"/>
      <c r="T1398" s="315"/>
      <c r="U1398" s="315"/>
      <c r="V1398" s="315"/>
      <c r="W1398" s="315"/>
      <c r="X1398" s="315"/>
      <c r="Y1398" s="315"/>
      <c r="Z1398" s="315"/>
      <c r="AA1398" s="315"/>
      <c r="AB1398" s="315"/>
      <c r="AC1398" s="315"/>
      <c r="AD1398" s="315"/>
      <c r="AE1398" s="315"/>
      <c r="AF1398" s="315"/>
      <c r="AG1398" s="315"/>
      <c r="AH1398" s="315"/>
      <c r="AI1398" s="315"/>
      <c r="AJ1398" s="224"/>
      <c r="AK1398" s="229"/>
      <c r="AL1398" s="230"/>
    </row>
    <row r="1399" spans="1:38" ht="13.5" customHeight="1" thickTop="1">
      <c r="A1399" s="47"/>
      <c r="B1399" s="47"/>
      <c r="C1399" s="225"/>
      <c r="D1399" s="226"/>
      <c r="E1399" s="226"/>
      <c r="F1399" s="226"/>
      <c r="G1399" s="226"/>
      <c r="H1399" s="226"/>
      <c r="I1399" s="226"/>
      <c r="J1399" s="226"/>
      <c r="K1399" s="226"/>
      <c r="L1399" s="226"/>
      <c r="M1399" s="226"/>
      <c r="N1399" s="226"/>
      <c r="O1399" s="226"/>
      <c r="P1399" s="226"/>
      <c r="Q1399" s="226"/>
      <c r="R1399" s="226"/>
      <c r="S1399" s="226"/>
      <c r="T1399" s="226"/>
      <c r="U1399" s="226"/>
      <c r="V1399" s="226"/>
      <c r="W1399" s="226"/>
      <c r="X1399" s="226"/>
      <c r="Y1399" s="226"/>
      <c r="Z1399" s="226"/>
      <c r="AA1399" s="226"/>
      <c r="AB1399" s="226"/>
      <c r="AC1399" s="226"/>
      <c r="AD1399" s="226"/>
      <c r="AE1399" s="226"/>
      <c r="AF1399" s="226"/>
      <c r="AG1399" s="226"/>
      <c r="AH1399" s="226"/>
      <c r="AI1399" s="226"/>
      <c r="AJ1399" s="226"/>
      <c r="AK1399" s="3"/>
      <c r="AL1399" s="46"/>
    </row>
    <row r="1400" spans="1:38" ht="13.5" customHeight="1">
      <c r="C1400" s="8" t="s">
        <v>59</v>
      </c>
      <c r="D1400" s="530" t="s">
        <v>258</v>
      </c>
      <c r="E1400" s="530"/>
      <c r="F1400" s="530"/>
      <c r="G1400" s="530"/>
      <c r="H1400" s="530"/>
      <c r="I1400" s="530"/>
      <c r="J1400" s="530"/>
      <c r="K1400" s="530"/>
      <c r="L1400" s="530"/>
      <c r="M1400" s="530"/>
      <c r="N1400" s="530"/>
      <c r="O1400" s="530"/>
      <c r="P1400" s="530"/>
      <c r="Q1400" s="530"/>
      <c r="R1400" s="530"/>
      <c r="S1400" s="530"/>
      <c r="T1400" s="530"/>
      <c r="U1400" s="530"/>
      <c r="V1400" s="530"/>
      <c r="W1400" s="530"/>
      <c r="X1400" s="530"/>
      <c r="Y1400" s="530"/>
      <c r="Z1400" s="530"/>
      <c r="AA1400" s="530"/>
      <c r="AB1400" s="530"/>
      <c r="AC1400" s="530"/>
      <c r="AD1400" s="530"/>
      <c r="AE1400" s="530"/>
      <c r="AF1400" s="530"/>
      <c r="AG1400" s="530"/>
      <c r="AH1400" s="530"/>
      <c r="AI1400" s="530"/>
      <c r="AJ1400" s="530"/>
    </row>
    <row r="1401" spans="1:38" ht="13.5" customHeight="1">
      <c r="C1401" s="5"/>
      <c r="D1401" s="531"/>
      <c r="E1401" s="531"/>
      <c r="F1401" s="531"/>
      <c r="G1401" s="531"/>
      <c r="H1401" s="531"/>
      <c r="I1401" s="531"/>
      <c r="J1401" s="531"/>
      <c r="K1401" s="531"/>
      <c r="L1401" s="531"/>
      <c r="M1401" s="531"/>
      <c r="N1401" s="531"/>
      <c r="O1401" s="531"/>
      <c r="P1401" s="531"/>
      <c r="Q1401" s="531"/>
      <c r="R1401" s="531"/>
      <c r="S1401" s="531"/>
      <c r="T1401" s="531"/>
      <c r="U1401" s="531"/>
      <c r="V1401" s="531"/>
      <c r="W1401" s="531"/>
      <c r="X1401" s="531"/>
      <c r="Y1401" s="531"/>
      <c r="Z1401" s="531"/>
      <c r="AA1401" s="531"/>
      <c r="AB1401" s="531"/>
      <c r="AC1401" s="531"/>
      <c r="AD1401" s="531"/>
      <c r="AE1401" s="531"/>
      <c r="AF1401" s="531"/>
      <c r="AG1401" s="531"/>
      <c r="AH1401" s="531"/>
      <c r="AI1401" s="531"/>
      <c r="AJ1401" s="531"/>
    </row>
    <row r="1403" spans="1:38" ht="13.5" customHeight="1">
      <c r="A1403" s="2" t="s">
        <v>157</v>
      </c>
    </row>
    <row r="1404" spans="1:38" ht="13.5" customHeight="1" thickBot="1">
      <c r="A1404" s="11" t="s">
        <v>249</v>
      </c>
    </row>
    <row r="1405" spans="1:38" ht="13.5" customHeight="1" thickTop="1">
      <c r="A1405" s="215">
        <v>136</v>
      </c>
      <c r="B1405" s="216"/>
      <c r="C1405" s="219" t="s">
        <v>608</v>
      </c>
      <c r="D1405" s="220"/>
      <c r="E1405" s="220"/>
      <c r="F1405" s="220"/>
      <c r="G1405" s="220"/>
      <c r="H1405" s="220"/>
      <c r="I1405" s="220"/>
      <c r="J1405" s="220"/>
      <c r="K1405" s="220"/>
      <c r="L1405" s="220"/>
      <c r="M1405" s="220"/>
      <c r="N1405" s="220"/>
      <c r="O1405" s="220"/>
      <c r="P1405" s="220"/>
      <c r="Q1405" s="220"/>
      <c r="R1405" s="220"/>
      <c r="S1405" s="220"/>
      <c r="T1405" s="220"/>
      <c r="U1405" s="220"/>
      <c r="V1405" s="220"/>
      <c r="W1405" s="220"/>
      <c r="X1405" s="220"/>
      <c r="Y1405" s="220"/>
      <c r="Z1405" s="220"/>
      <c r="AA1405" s="220"/>
      <c r="AB1405" s="220"/>
      <c r="AC1405" s="220"/>
      <c r="AD1405" s="220"/>
      <c r="AE1405" s="220"/>
      <c r="AF1405" s="220"/>
      <c r="AG1405" s="220"/>
      <c r="AH1405" s="220"/>
      <c r="AI1405" s="220"/>
      <c r="AJ1405" s="220"/>
      <c r="AK1405" s="227"/>
      <c r="AL1405" s="228"/>
    </row>
    <row r="1406" spans="1:38" ht="13.5" customHeight="1" thickBot="1">
      <c r="A1406" s="217"/>
      <c r="B1406" s="218"/>
      <c r="C1406" s="222"/>
      <c r="D1406" s="315"/>
      <c r="E1406" s="315"/>
      <c r="F1406" s="315"/>
      <c r="G1406" s="315"/>
      <c r="H1406" s="315"/>
      <c r="I1406" s="315"/>
      <c r="J1406" s="315"/>
      <c r="K1406" s="315"/>
      <c r="L1406" s="315"/>
      <c r="M1406" s="315"/>
      <c r="N1406" s="315"/>
      <c r="O1406" s="315"/>
      <c r="P1406" s="315"/>
      <c r="Q1406" s="315"/>
      <c r="R1406" s="315"/>
      <c r="S1406" s="315"/>
      <c r="T1406" s="315"/>
      <c r="U1406" s="315"/>
      <c r="V1406" s="315"/>
      <c r="W1406" s="315"/>
      <c r="X1406" s="315"/>
      <c r="Y1406" s="315"/>
      <c r="Z1406" s="315"/>
      <c r="AA1406" s="315"/>
      <c r="AB1406" s="315"/>
      <c r="AC1406" s="315"/>
      <c r="AD1406" s="315"/>
      <c r="AE1406" s="315"/>
      <c r="AF1406" s="315"/>
      <c r="AG1406" s="315"/>
      <c r="AH1406" s="315"/>
      <c r="AI1406" s="315"/>
      <c r="AJ1406" s="315"/>
      <c r="AK1406" s="229"/>
      <c r="AL1406" s="230"/>
    </row>
    <row r="1407" spans="1:38" ht="13.5" customHeight="1" thickTop="1">
      <c r="A1407" s="18"/>
      <c r="B1407" s="19"/>
      <c r="C1407" s="222"/>
      <c r="D1407" s="315"/>
      <c r="E1407" s="315"/>
      <c r="F1407" s="315"/>
      <c r="G1407" s="315"/>
      <c r="H1407" s="315"/>
      <c r="I1407" s="315"/>
      <c r="J1407" s="315"/>
      <c r="K1407" s="315"/>
      <c r="L1407" s="315"/>
      <c r="M1407" s="315"/>
      <c r="N1407" s="315"/>
      <c r="O1407" s="315"/>
      <c r="P1407" s="315"/>
      <c r="Q1407" s="315"/>
      <c r="R1407" s="315"/>
      <c r="S1407" s="315"/>
      <c r="T1407" s="315"/>
      <c r="U1407" s="315"/>
      <c r="V1407" s="315"/>
      <c r="W1407" s="315"/>
      <c r="X1407" s="315"/>
      <c r="Y1407" s="315"/>
      <c r="Z1407" s="315"/>
      <c r="AA1407" s="315"/>
      <c r="AB1407" s="315"/>
      <c r="AC1407" s="315"/>
      <c r="AD1407" s="315"/>
      <c r="AE1407" s="315"/>
      <c r="AF1407" s="315"/>
      <c r="AG1407" s="315"/>
      <c r="AH1407" s="315"/>
      <c r="AI1407" s="315"/>
      <c r="AJ1407" s="315"/>
      <c r="AK1407" s="3"/>
      <c r="AL1407" s="39"/>
    </row>
    <row r="1408" spans="1:38" ht="13.5" customHeight="1">
      <c r="A1408" s="46"/>
      <c r="B1408" s="51"/>
      <c r="C1408" s="225"/>
      <c r="D1408" s="226"/>
      <c r="E1408" s="226"/>
      <c r="F1408" s="226"/>
      <c r="G1408" s="226"/>
      <c r="H1408" s="226"/>
      <c r="I1408" s="226"/>
      <c r="J1408" s="226"/>
      <c r="K1408" s="226"/>
      <c r="L1408" s="226"/>
      <c r="M1408" s="226"/>
      <c r="N1408" s="226"/>
      <c r="O1408" s="226"/>
      <c r="P1408" s="226"/>
      <c r="Q1408" s="226"/>
      <c r="R1408" s="226"/>
      <c r="S1408" s="226"/>
      <c r="T1408" s="226"/>
      <c r="U1408" s="226"/>
      <c r="V1408" s="226"/>
      <c r="W1408" s="226"/>
      <c r="X1408" s="226"/>
      <c r="Y1408" s="226"/>
      <c r="Z1408" s="226"/>
      <c r="AA1408" s="226"/>
      <c r="AB1408" s="226"/>
      <c r="AC1408" s="226"/>
      <c r="AD1408" s="226"/>
      <c r="AE1408" s="226"/>
      <c r="AF1408" s="226"/>
      <c r="AG1408" s="226"/>
      <c r="AH1408" s="226"/>
      <c r="AI1408" s="226"/>
      <c r="AJ1408" s="226"/>
      <c r="AK1408" s="50"/>
      <c r="AL1408" s="46"/>
    </row>
    <row r="1409" spans="1:38" ht="13.5" customHeight="1" thickBot="1">
      <c r="A1409" s="46"/>
      <c r="B1409" s="46"/>
      <c r="C1409" s="37"/>
      <c r="D1409" s="37"/>
      <c r="E1409" s="37"/>
      <c r="F1409" s="37"/>
      <c r="G1409" s="37"/>
      <c r="H1409" s="37"/>
      <c r="I1409" s="37"/>
      <c r="J1409" s="37"/>
      <c r="K1409" s="37"/>
      <c r="L1409" s="37"/>
      <c r="M1409" s="37"/>
      <c r="N1409" s="37"/>
      <c r="O1409" s="37"/>
      <c r="P1409" s="37"/>
      <c r="Q1409" s="37"/>
      <c r="R1409" s="37"/>
      <c r="S1409" s="37"/>
      <c r="T1409" s="37"/>
      <c r="U1409" s="37"/>
      <c r="V1409" s="37"/>
      <c r="W1409" s="37"/>
      <c r="X1409" s="37"/>
      <c r="Y1409" s="37"/>
      <c r="Z1409" s="37"/>
      <c r="AA1409" s="37"/>
      <c r="AB1409" s="37"/>
      <c r="AC1409" s="37"/>
      <c r="AD1409" s="37"/>
      <c r="AE1409" s="37"/>
      <c r="AF1409" s="37"/>
      <c r="AG1409" s="37"/>
      <c r="AH1409" s="37"/>
      <c r="AI1409" s="37"/>
      <c r="AJ1409" s="37"/>
      <c r="AK1409" s="46"/>
      <c r="AL1409" s="46"/>
    </row>
    <row r="1410" spans="1:38" ht="13.5" customHeight="1" thickTop="1">
      <c r="A1410" s="215">
        <v>137</v>
      </c>
      <c r="B1410" s="216"/>
      <c r="C1410" s="219" t="s">
        <v>609</v>
      </c>
      <c r="D1410" s="220"/>
      <c r="E1410" s="220"/>
      <c r="F1410" s="220"/>
      <c r="G1410" s="220"/>
      <c r="H1410" s="220"/>
      <c r="I1410" s="220"/>
      <c r="J1410" s="220"/>
      <c r="K1410" s="220"/>
      <c r="L1410" s="220"/>
      <c r="M1410" s="220"/>
      <c r="N1410" s="220"/>
      <c r="O1410" s="220"/>
      <c r="P1410" s="220"/>
      <c r="Q1410" s="220"/>
      <c r="R1410" s="220"/>
      <c r="S1410" s="220"/>
      <c r="T1410" s="220"/>
      <c r="U1410" s="220"/>
      <c r="V1410" s="220"/>
      <c r="W1410" s="220"/>
      <c r="X1410" s="220"/>
      <c r="Y1410" s="220"/>
      <c r="Z1410" s="220"/>
      <c r="AA1410" s="220"/>
      <c r="AB1410" s="220"/>
      <c r="AC1410" s="220"/>
      <c r="AD1410" s="220"/>
      <c r="AE1410" s="220"/>
      <c r="AF1410" s="220"/>
      <c r="AG1410" s="220"/>
      <c r="AH1410" s="220"/>
      <c r="AI1410" s="220"/>
      <c r="AJ1410" s="221"/>
      <c r="AK1410" s="227"/>
      <c r="AL1410" s="228"/>
    </row>
    <row r="1411" spans="1:38" ht="13.5" customHeight="1" thickBot="1">
      <c r="A1411" s="217"/>
      <c r="B1411" s="218"/>
      <c r="C1411" s="225"/>
      <c r="D1411" s="226"/>
      <c r="E1411" s="226"/>
      <c r="F1411" s="226"/>
      <c r="G1411" s="226"/>
      <c r="H1411" s="226"/>
      <c r="I1411" s="226"/>
      <c r="J1411" s="226"/>
      <c r="K1411" s="226"/>
      <c r="L1411" s="226"/>
      <c r="M1411" s="226"/>
      <c r="N1411" s="226"/>
      <c r="O1411" s="226"/>
      <c r="P1411" s="226"/>
      <c r="Q1411" s="226"/>
      <c r="R1411" s="226"/>
      <c r="S1411" s="226"/>
      <c r="T1411" s="226"/>
      <c r="U1411" s="226"/>
      <c r="V1411" s="226"/>
      <c r="W1411" s="226"/>
      <c r="X1411" s="226"/>
      <c r="Y1411" s="226"/>
      <c r="Z1411" s="226"/>
      <c r="AA1411" s="226"/>
      <c r="AB1411" s="226"/>
      <c r="AC1411" s="226"/>
      <c r="AD1411" s="226"/>
      <c r="AE1411" s="226"/>
      <c r="AF1411" s="226"/>
      <c r="AG1411" s="226"/>
      <c r="AH1411" s="226"/>
      <c r="AI1411" s="226"/>
      <c r="AJ1411" s="241"/>
      <c r="AK1411" s="229"/>
      <c r="AL1411" s="230"/>
    </row>
    <row r="1412" spans="1:38" ht="13.5" customHeight="1" thickTop="1">
      <c r="A1412" s="46"/>
      <c r="B1412" s="46"/>
      <c r="C1412" s="37"/>
      <c r="D1412" s="37"/>
      <c r="E1412" s="37"/>
      <c r="F1412" s="37"/>
      <c r="G1412" s="37"/>
      <c r="H1412" s="37"/>
      <c r="I1412" s="37"/>
      <c r="J1412" s="37"/>
      <c r="K1412" s="37"/>
      <c r="L1412" s="37"/>
      <c r="M1412" s="37"/>
      <c r="N1412" s="37"/>
      <c r="O1412" s="37"/>
      <c r="P1412" s="37"/>
      <c r="Q1412" s="37"/>
      <c r="R1412" s="37"/>
      <c r="S1412" s="37"/>
      <c r="T1412" s="37"/>
      <c r="U1412" s="37"/>
      <c r="V1412" s="37"/>
      <c r="W1412" s="37"/>
      <c r="X1412" s="37"/>
      <c r="Y1412" s="37"/>
      <c r="Z1412" s="37"/>
      <c r="AA1412" s="37"/>
      <c r="AB1412" s="37"/>
      <c r="AC1412" s="37"/>
      <c r="AD1412" s="37"/>
      <c r="AE1412" s="37"/>
      <c r="AF1412" s="37"/>
      <c r="AG1412" s="37"/>
      <c r="AH1412" s="37"/>
      <c r="AI1412" s="37"/>
      <c r="AJ1412" s="37"/>
      <c r="AK1412" s="46"/>
      <c r="AL1412" s="46"/>
    </row>
    <row r="1413" spans="1:38" ht="13.5" customHeight="1">
      <c r="A1413" s="2" t="s">
        <v>158</v>
      </c>
    </row>
    <row r="1414" spans="1:38" ht="13.5" customHeight="1" thickBot="1">
      <c r="A1414" s="11" t="s">
        <v>250</v>
      </c>
    </row>
    <row r="1415" spans="1:38" ht="13.5" customHeight="1" thickTop="1">
      <c r="A1415" s="215">
        <v>138</v>
      </c>
      <c r="B1415" s="216"/>
      <c r="C1415" s="219" t="s">
        <v>610</v>
      </c>
      <c r="D1415" s="220"/>
      <c r="E1415" s="220"/>
      <c r="F1415" s="220"/>
      <c r="G1415" s="220"/>
      <c r="H1415" s="220"/>
      <c r="I1415" s="220"/>
      <c r="J1415" s="220"/>
      <c r="K1415" s="220"/>
      <c r="L1415" s="220"/>
      <c r="M1415" s="220"/>
      <c r="N1415" s="220"/>
      <c r="O1415" s="220"/>
      <c r="P1415" s="220"/>
      <c r="Q1415" s="220"/>
      <c r="R1415" s="220"/>
      <c r="S1415" s="220"/>
      <c r="T1415" s="220"/>
      <c r="U1415" s="220"/>
      <c r="V1415" s="220"/>
      <c r="W1415" s="220"/>
      <c r="X1415" s="220"/>
      <c r="Y1415" s="220"/>
      <c r="Z1415" s="220"/>
      <c r="AA1415" s="220"/>
      <c r="AB1415" s="220"/>
      <c r="AC1415" s="220"/>
      <c r="AD1415" s="220"/>
      <c r="AE1415" s="220"/>
      <c r="AF1415" s="220"/>
      <c r="AG1415" s="220"/>
      <c r="AH1415" s="220"/>
      <c r="AI1415" s="220"/>
      <c r="AJ1415" s="316"/>
      <c r="AK1415" s="227"/>
      <c r="AL1415" s="228"/>
    </row>
    <row r="1416" spans="1:38" ht="13.5" customHeight="1" thickBot="1">
      <c r="A1416" s="217"/>
      <c r="B1416" s="218"/>
      <c r="C1416" s="222"/>
      <c r="D1416" s="315"/>
      <c r="E1416" s="315"/>
      <c r="F1416" s="315"/>
      <c r="G1416" s="315"/>
      <c r="H1416" s="315"/>
      <c r="I1416" s="315"/>
      <c r="J1416" s="315"/>
      <c r="K1416" s="315"/>
      <c r="L1416" s="315"/>
      <c r="M1416" s="315"/>
      <c r="N1416" s="315"/>
      <c r="O1416" s="315"/>
      <c r="P1416" s="315"/>
      <c r="Q1416" s="315"/>
      <c r="R1416" s="315"/>
      <c r="S1416" s="315"/>
      <c r="T1416" s="315"/>
      <c r="U1416" s="315"/>
      <c r="V1416" s="315"/>
      <c r="W1416" s="315"/>
      <c r="X1416" s="315"/>
      <c r="Y1416" s="315"/>
      <c r="Z1416" s="315"/>
      <c r="AA1416" s="315"/>
      <c r="AB1416" s="315"/>
      <c r="AC1416" s="315"/>
      <c r="AD1416" s="315"/>
      <c r="AE1416" s="315"/>
      <c r="AF1416" s="315"/>
      <c r="AG1416" s="315"/>
      <c r="AH1416" s="315"/>
      <c r="AI1416" s="315"/>
      <c r="AJ1416" s="317"/>
      <c r="AK1416" s="229"/>
      <c r="AL1416" s="230"/>
    </row>
    <row r="1417" spans="1:38" ht="13.5" customHeight="1" thickTop="1">
      <c r="A1417" s="46"/>
      <c r="B1417" s="51"/>
      <c r="C1417" s="222"/>
      <c r="D1417" s="315"/>
      <c r="E1417" s="315"/>
      <c r="F1417" s="315"/>
      <c r="G1417" s="315"/>
      <c r="H1417" s="315"/>
      <c r="I1417" s="315"/>
      <c r="J1417" s="315"/>
      <c r="K1417" s="315"/>
      <c r="L1417" s="315"/>
      <c r="M1417" s="315"/>
      <c r="N1417" s="315"/>
      <c r="O1417" s="315"/>
      <c r="P1417" s="315"/>
      <c r="Q1417" s="315"/>
      <c r="R1417" s="315"/>
      <c r="S1417" s="315"/>
      <c r="T1417" s="315"/>
      <c r="U1417" s="315"/>
      <c r="V1417" s="315"/>
      <c r="W1417" s="315"/>
      <c r="X1417" s="315"/>
      <c r="Y1417" s="315"/>
      <c r="Z1417" s="315"/>
      <c r="AA1417" s="315"/>
      <c r="AB1417" s="315"/>
      <c r="AC1417" s="315"/>
      <c r="AD1417" s="315"/>
      <c r="AE1417" s="315"/>
      <c r="AF1417" s="315"/>
      <c r="AG1417" s="315"/>
      <c r="AH1417" s="315"/>
      <c r="AI1417" s="315"/>
      <c r="AJ1417" s="317"/>
      <c r="AK1417" s="46"/>
      <c r="AL1417" s="46"/>
    </row>
    <row r="1418" spans="1:38" ht="13.5" customHeight="1">
      <c r="A1418" s="46"/>
      <c r="B1418" s="51"/>
      <c r="C1418" s="222"/>
      <c r="D1418" s="315"/>
      <c r="E1418" s="315"/>
      <c r="F1418" s="315"/>
      <c r="G1418" s="315"/>
      <c r="H1418" s="315"/>
      <c r="I1418" s="315"/>
      <c r="J1418" s="315"/>
      <c r="K1418" s="315"/>
      <c r="L1418" s="315"/>
      <c r="M1418" s="315"/>
      <c r="N1418" s="315"/>
      <c r="O1418" s="315"/>
      <c r="P1418" s="315"/>
      <c r="Q1418" s="315"/>
      <c r="R1418" s="315"/>
      <c r="S1418" s="315"/>
      <c r="T1418" s="315"/>
      <c r="U1418" s="315"/>
      <c r="V1418" s="315"/>
      <c r="W1418" s="315"/>
      <c r="X1418" s="315"/>
      <c r="Y1418" s="315"/>
      <c r="Z1418" s="315"/>
      <c r="AA1418" s="315"/>
      <c r="AB1418" s="315"/>
      <c r="AC1418" s="315"/>
      <c r="AD1418" s="315"/>
      <c r="AE1418" s="315"/>
      <c r="AF1418" s="315"/>
      <c r="AG1418" s="315"/>
      <c r="AH1418" s="315"/>
      <c r="AI1418" s="315"/>
      <c r="AJ1418" s="317"/>
      <c r="AK1418" s="46"/>
      <c r="AL1418" s="46"/>
    </row>
    <row r="1419" spans="1:38" ht="13.5" customHeight="1">
      <c r="A1419" s="46"/>
      <c r="B1419" s="51"/>
      <c r="C1419" s="225"/>
      <c r="D1419" s="226"/>
      <c r="E1419" s="226"/>
      <c r="F1419" s="226"/>
      <c r="G1419" s="226"/>
      <c r="H1419" s="226"/>
      <c r="I1419" s="226"/>
      <c r="J1419" s="226"/>
      <c r="K1419" s="226"/>
      <c r="L1419" s="226"/>
      <c r="M1419" s="226"/>
      <c r="N1419" s="226"/>
      <c r="O1419" s="226"/>
      <c r="P1419" s="226"/>
      <c r="Q1419" s="226"/>
      <c r="R1419" s="226"/>
      <c r="S1419" s="226"/>
      <c r="T1419" s="226"/>
      <c r="U1419" s="226"/>
      <c r="V1419" s="226"/>
      <c r="W1419" s="226"/>
      <c r="X1419" s="226"/>
      <c r="Y1419" s="226"/>
      <c r="Z1419" s="226"/>
      <c r="AA1419" s="226"/>
      <c r="AB1419" s="226"/>
      <c r="AC1419" s="226"/>
      <c r="AD1419" s="226"/>
      <c r="AE1419" s="226"/>
      <c r="AF1419" s="226"/>
      <c r="AG1419" s="226"/>
      <c r="AH1419" s="226"/>
      <c r="AI1419" s="226"/>
      <c r="AJ1419" s="318"/>
      <c r="AK1419" s="46"/>
      <c r="AL1419" s="46"/>
    </row>
    <row r="1420" spans="1:38" ht="13.5" customHeight="1" thickBot="1"/>
    <row r="1421" spans="1:38" ht="13.5" customHeight="1" thickTop="1">
      <c r="A1421" s="215">
        <v>139</v>
      </c>
      <c r="B1421" s="216"/>
      <c r="C1421" s="219" t="s">
        <v>611</v>
      </c>
      <c r="D1421" s="220"/>
      <c r="E1421" s="220"/>
      <c r="F1421" s="220"/>
      <c r="G1421" s="220"/>
      <c r="H1421" s="220"/>
      <c r="I1421" s="220"/>
      <c r="J1421" s="220"/>
      <c r="K1421" s="220"/>
      <c r="L1421" s="220"/>
      <c r="M1421" s="220"/>
      <c r="N1421" s="220"/>
      <c r="O1421" s="220"/>
      <c r="P1421" s="220"/>
      <c r="Q1421" s="220"/>
      <c r="R1421" s="220"/>
      <c r="S1421" s="220"/>
      <c r="T1421" s="220"/>
      <c r="U1421" s="220"/>
      <c r="V1421" s="220"/>
      <c r="W1421" s="220"/>
      <c r="X1421" s="220"/>
      <c r="Y1421" s="220"/>
      <c r="Z1421" s="220"/>
      <c r="AA1421" s="220"/>
      <c r="AB1421" s="220"/>
      <c r="AC1421" s="220"/>
      <c r="AD1421" s="220"/>
      <c r="AE1421" s="220"/>
      <c r="AF1421" s="220"/>
      <c r="AG1421" s="220"/>
      <c r="AH1421" s="220"/>
      <c r="AI1421" s="220"/>
      <c r="AJ1421" s="220"/>
      <c r="AK1421" s="227"/>
      <c r="AL1421" s="228"/>
    </row>
    <row r="1422" spans="1:38" ht="13.5" customHeight="1" thickBot="1">
      <c r="A1422" s="217"/>
      <c r="B1422" s="218"/>
      <c r="C1422" s="222"/>
      <c r="D1422" s="315"/>
      <c r="E1422" s="315"/>
      <c r="F1422" s="315"/>
      <c r="G1422" s="315"/>
      <c r="H1422" s="315"/>
      <c r="I1422" s="315"/>
      <c r="J1422" s="315"/>
      <c r="K1422" s="315"/>
      <c r="L1422" s="315"/>
      <c r="M1422" s="315"/>
      <c r="N1422" s="315"/>
      <c r="O1422" s="315"/>
      <c r="P1422" s="315"/>
      <c r="Q1422" s="315"/>
      <c r="R1422" s="315"/>
      <c r="S1422" s="315"/>
      <c r="T1422" s="315"/>
      <c r="U1422" s="315"/>
      <c r="V1422" s="315"/>
      <c r="W1422" s="315"/>
      <c r="X1422" s="315"/>
      <c r="Y1422" s="315"/>
      <c r="Z1422" s="315"/>
      <c r="AA1422" s="315"/>
      <c r="AB1422" s="315"/>
      <c r="AC1422" s="315"/>
      <c r="AD1422" s="315"/>
      <c r="AE1422" s="315"/>
      <c r="AF1422" s="315"/>
      <c r="AG1422" s="315"/>
      <c r="AH1422" s="315"/>
      <c r="AI1422" s="315"/>
      <c r="AJ1422" s="315"/>
      <c r="AK1422" s="229"/>
      <c r="AL1422" s="230"/>
    </row>
    <row r="1423" spans="1:38" ht="13.5" customHeight="1" thickTop="1">
      <c r="A1423" s="47"/>
      <c r="B1423" s="49"/>
      <c r="C1423" s="222"/>
      <c r="D1423" s="315"/>
      <c r="E1423" s="315"/>
      <c r="F1423" s="315"/>
      <c r="G1423" s="315"/>
      <c r="H1423" s="315"/>
      <c r="I1423" s="315"/>
      <c r="J1423" s="315"/>
      <c r="K1423" s="315"/>
      <c r="L1423" s="315"/>
      <c r="M1423" s="315"/>
      <c r="N1423" s="315"/>
      <c r="O1423" s="315"/>
      <c r="P1423" s="315"/>
      <c r="Q1423" s="315"/>
      <c r="R1423" s="315"/>
      <c r="S1423" s="315"/>
      <c r="T1423" s="315"/>
      <c r="U1423" s="315"/>
      <c r="V1423" s="315"/>
      <c r="W1423" s="315"/>
      <c r="X1423" s="315"/>
      <c r="Y1423" s="315"/>
      <c r="Z1423" s="315"/>
      <c r="AA1423" s="315"/>
      <c r="AB1423" s="315"/>
      <c r="AC1423" s="315"/>
      <c r="AD1423" s="315"/>
      <c r="AE1423" s="315"/>
      <c r="AF1423" s="315"/>
      <c r="AG1423" s="315"/>
      <c r="AH1423" s="315"/>
      <c r="AI1423" s="315"/>
      <c r="AJ1423" s="315"/>
      <c r="AK1423" s="3"/>
      <c r="AL1423" s="39"/>
    </row>
    <row r="1424" spans="1:38" ht="13.5" customHeight="1">
      <c r="A1424" s="46"/>
      <c r="B1424" s="51"/>
      <c r="C1424" s="225"/>
      <c r="D1424" s="226"/>
      <c r="E1424" s="226"/>
      <c r="F1424" s="226"/>
      <c r="G1424" s="226"/>
      <c r="H1424" s="226"/>
      <c r="I1424" s="226"/>
      <c r="J1424" s="226"/>
      <c r="K1424" s="226"/>
      <c r="L1424" s="226"/>
      <c r="M1424" s="226"/>
      <c r="N1424" s="226"/>
      <c r="O1424" s="226"/>
      <c r="P1424" s="226"/>
      <c r="Q1424" s="226"/>
      <c r="R1424" s="226"/>
      <c r="S1424" s="226"/>
      <c r="T1424" s="226"/>
      <c r="U1424" s="226"/>
      <c r="V1424" s="226"/>
      <c r="W1424" s="226"/>
      <c r="X1424" s="226"/>
      <c r="Y1424" s="226"/>
      <c r="Z1424" s="226"/>
      <c r="AA1424" s="226"/>
      <c r="AB1424" s="226"/>
      <c r="AC1424" s="226"/>
      <c r="AD1424" s="226"/>
      <c r="AE1424" s="226"/>
      <c r="AF1424" s="226"/>
      <c r="AG1424" s="226"/>
      <c r="AH1424" s="226"/>
      <c r="AI1424" s="226"/>
      <c r="AJ1424" s="226"/>
      <c r="AK1424" s="50"/>
      <c r="AL1424" s="46"/>
    </row>
    <row r="1425" spans="1:38" ht="13.5" customHeight="1">
      <c r="A1425" s="47"/>
      <c r="B1425" s="47"/>
      <c r="C1425" s="37"/>
      <c r="D1425" s="37"/>
      <c r="E1425" s="37"/>
      <c r="F1425" s="37"/>
      <c r="G1425" s="37"/>
      <c r="H1425" s="37"/>
      <c r="I1425" s="37"/>
      <c r="J1425" s="37"/>
      <c r="K1425" s="37"/>
      <c r="L1425" s="37"/>
      <c r="M1425" s="37"/>
      <c r="N1425" s="37"/>
      <c r="O1425" s="37"/>
      <c r="P1425" s="37"/>
      <c r="Q1425" s="37"/>
      <c r="R1425" s="37"/>
      <c r="S1425" s="37"/>
      <c r="T1425" s="37"/>
      <c r="U1425" s="37"/>
      <c r="V1425" s="37"/>
      <c r="W1425" s="37"/>
      <c r="X1425" s="37"/>
      <c r="Y1425" s="37"/>
      <c r="Z1425" s="37"/>
      <c r="AA1425" s="37"/>
      <c r="AB1425" s="37"/>
      <c r="AC1425" s="37"/>
      <c r="AD1425" s="37"/>
      <c r="AE1425" s="37"/>
      <c r="AF1425" s="37"/>
      <c r="AG1425" s="37"/>
      <c r="AH1425" s="37"/>
      <c r="AI1425" s="37"/>
      <c r="AJ1425" s="37"/>
      <c r="AK1425" s="46"/>
      <c r="AL1425" s="46"/>
    </row>
    <row r="1426" spans="1:38" ht="13.5" customHeight="1">
      <c r="A1426" s="2" t="s">
        <v>159</v>
      </c>
    </row>
    <row r="1427" spans="1:38" ht="13.5" customHeight="1" thickBot="1">
      <c r="A1427" s="11" t="s">
        <v>251</v>
      </c>
    </row>
    <row r="1428" spans="1:38" ht="13.5" customHeight="1" thickTop="1">
      <c r="A1428" s="215">
        <v>140</v>
      </c>
      <c r="B1428" s="216"/>
      <c r="C1428" s="219" t="s">
        <v>612</v>
      </c>
      <c r="D1428" s="220"/>
      <c r="E1428" s="220"/>
      <c r="F1428" s="220"/>
      <c r="G1428" s="220"/>
      <c r="H1428" s="220"/>
      <c r="I1428" s="220"/>
      <c r="J1428" s="220"/>
      <c r="K1428" s="220"/>
      <c r="L1428" s="220"/>
      <c r="M1428" s="220"/>
      <c r="N1428" s="220"/>
      <c r="O1428" s="220"/>
      <c r="P1428" s="220"/>
      <c r="Q1428" s="220"/>
      <c r="R1428" s="220"/>
      <c r="S1428" s="220"/>
      <c r="T1428" s="220"/>
      <c r="U1428" s="220"/>
      <c r="V1428" s="220"/>
      <c r="W1428" s="220"/>
      <c r="X1428" s="220"/>
      <c r="Y1428" s="220"/>
      <c r="Z1428" s="220"/>
      <c r="AA1428" s="220"/>
      <c r="AB1428" s="220"/>
      <c r="AC1428" s="220"/>
      <c r="AD1428" s="220"/>
      <c r="AE1428" s="220"/>
      <c r="AF1428" s="220"/>
      <c r="AG1428" s="220"/>
      <c r="AH1428" s="220"/>
      <c r="AI1428" s="220"/>
      <c r="AJ1428" s="220"/>
      <c r="AK1428" s="227"/>
      <c r="AL1428" s="228"/>
    </row>
    <row r="1429" spans="1:38" ht="13.5" customHeight="1" thickBot="1">
      <c r="A1429" s="217"/>
      <c r="B1429" s="218"/>
      <c r="C1429" s="222"/>
      <c r="D1429" s="315"/>
      <c r="E1429" s="315"/>
      <c r="F1429" s="315"/>
      <c r="G1429" s="315"/>
      <c r="H1429" s="315"/>
      <c r="I1429" s="315"/>
      <c r="J1429" s="315"/>
      <c r="K1429" s="315"/>
      <c r="L1429" s="315"/>
      <c r="M1429" s="315"/>
      <c r="N1429" s="315"/>
      <c r="O1429" s="315"/>
      <c r="P1429" s="315"/>
      <c r="Q1429" s="315"/>
      <c r="R1429" s="315"/>
      <c r="S1429" s="315"/>
      <c r="T1429" s="315"/>
      <c r="U1429" s="315"/>
      <c r="V1429" s="315"/>
      <c r="W1429" s="315"/>
      <c r="X1429" s="315"/>
      <c r="Y1429" s="315"/>
      <c r="Z1429" s="315"/>
      <c r="AA1429" s="315"/>
      <c r="AB1429" s="315"/>
      <c r="AC1429" s="315"/>
      <c r="AD1429" s="315"/>
      <c r="AE1429" s="315"/>
      <c r="AF1429" s="315"/>
      <c r="AG1429" s="315"/>
      <c r="AH1429" s="315"/>
      <c r="AI1429" s="315"/>
      <c r="AJ1429" s="315"/>
      <c r="AK1429" s="229"/>
      <c r="AL1429" s="230"/>
    </row>
    <row r="1430" spans="1:38" ht="13.5" customHeight="1" thickTop="1">
      <c r="A1430" s="47"/>
      <c r="B1430" s="49"/>
      <c r="C1430" s="222"/>
      <c r="D1430" s="315"/>
      <c r="E1430" s="315"/>
      <c r="F1430" s="315"/>
      <c r="G1430" s="315"/>
      <c r="H1430" s="315"/>
      <c r="I1430" s="315"/>
      <c r="J1430" s="315"/>
      <c r="K1430" s="315"/>
      <c r="L1430" s="315"/>
      <c r="M1430" s="315"/>
      <c r="N1430" s="315"/>
      <c r="O1430" s="315"/>
      <c r="P1430" s="315"/>
      <c r="Q1430" s="315"/>
      <c r="R1430" s="315"/>
      <c r="S1430" s="315"/>
      <c r="T1430" s="315"/>
      <c r="U1430" s="315"/>
      <c r="V1430" s="315"/>
      <c r="W1430" s="315"/>
      <c r="X1430" s="315"/>
      <c r="Y1430" s="315"/>
      <c r="Z1430" s="315"/>
      <c r="AA1430" s="315"/>
      <c r="AB1430" s="315"/>
      <c r="AC1430" s="315"/>
      <c r="AD1430" s="315"/>
      <c r="AE1430" s="315"/>
      <c r="AF1430" s="315"/>
      <c r="AG1430" s="315"/>
      <c r="AH1430" s="315"/>
      <c r="AI1430" s="315"/>
      <c r="AJ1430" s="315"/>
      <c r="AK1430" s="3"/>
      <c r="AL1430" s="39"/>
    </row>
    <row r="1431" spans="1:38" ht="13.5" customHeight="1">
      <c r="A1431" s="46"/>
      <c r="B1431" s="51"/>
      <c r="C1431" s="225"/>
      <c r="D1431" s="226"/>
      <c r="E1431" s="226"/>
      <c r="F1431" s="226"/>
      <c r="G1431" s="226"/>
      <c r="H1431" s="226"/>
      <c r="I1431" s="226"/>
      <c r="J1431" s="226"/>
      <c r="K1431" s="226"/>
      <c r="L1431" s="226"/>
      <c r="M1431" s="226"/>
      <c r="N1431" s="226"/>
      <c r="O1431" s="226"/>
      <c r="P1431" s="226"/>
      <c r="Q1431" s="226"/>
      <c r="R1431" s="226"/>
      <c r="S1431" s="226"/>
      <c r="T1431" s="226"/>
      <c r="U1431" s="226"/>
      <c r="V1431" s="226"/>
      <c r="W1431" s="226"/>
      <c r="X1431" s="226"/>
      <c r="Y1431" s="226"/>
      <c r="Z1431" s="226"/>
      <c r="AA1431" s="226"/>
      <c r="AB1431" s="226"/>
      <c r="AC1431" s="226"/>
      <c r="AD1431" s="226"/>
      <c r="AE1431" s="226"/>
      <c r="AF1431" s="226"/>
      <c r="AG1431" s="226"/>
      <c r="AH1431" s="226"/>
      <c r="AI1431" s="226"/>
      <c r="AJ1431" s="226"/>
      <c r="AK1431" s="50"/>
      <c r="AL1431" s="46"/>
    </row>
    <row r="1433" spans="1:38" ht="13.5" customHeight="1" thickBot="1">
      <c r="C1433" s="1" t="s">
        <v>150</v>
      </c>
    </row>
    <row r="1434" spans="1:38" ht="13.5" customHeight="1" thickTop="1">
      <c r="C1434" s="231" t="s">
        <v>160</v>
      </c>
      <c r="D1434" s="232"/>
      <c r="E1434" s="232"/>
      <c r="F1434" s="232"/>
      <c r="G1434" s="232"/>
      <c r="H1434" s="232"/>
      <c r="I1434" s="232"/>
      <c r="J1434" s="232"/>
      <c r="K1434" s="232"/>
      <c r="L1434" s="232"/>
      <c r="M1434" s="232"/>
      <c r="N1434" s="232"/>
      <c r="O1434" s="232"/>
      <c r="P1434" s="232"/>
      <c r="Q1434" s="232"/>
      <c r="R1434" s="232"/>
      <c r="S1434" s="232"/>
      <c r="T1434" s="232"/>
      <c r="U1434" s="232"/>
      <c r="V1434" s="232"/>
      <c r="W1434" s="232"/>
      <c r="X1434" s="232"/>
      <c r="Y1434" s="232"/>
      <c r="Z1434" s="232"/>
      <c r="AA1434" s="232"/>
      <c r="AB1434" s="232"/>
      <c r="AC1434" s="232"/>
      <c r="AD1434" s="232"/>
      <c r="AE1434" s="232"/>
      <c r="AF1434" s="232"/>
      <c r="AG1434" s="232"/>
      <c r="AH1434" s="232"/>
      <c r="AI1434" s="232"/>
      <c r="AJ1434" s="233"/>
      <c r="AK1434" s="227"/>
      <c r="AL1434" s="228"/>
    </row>
    <row r="1435" spans="1:38" ht="13.5" customHeight="1" thickBot="1">
      <c r="C1435" s="234"/>
      <c r="D1435" s="235"/>
      <c r="E1435" s="235"/>
      <c r="F1435" s="235"/>
      <c r="G1435" s="235"/>
      <c r="H1435" s="235"/>
      <c r="I1435" s="235"/>
      <c r="J1435" s="235"/>
      <c r="K1435" s="235"/>
      <c r="L1435" s="235"/>
      <c r="M1435" s="235"/>
      <c r="N1435" s="235"/>
      <c r="O1435" s="235"/>
      <c r="P1435" s="235"/>
      <c r="Q1435" s="235"/>
      <c r="R1435" s="235"/>
      <c r="S1435" s="235"/>
      <c r="T1435" s="235"/>
      <c r="U1435" s="235"/>
      <c r="V1435" s="235"/>
      <c r="W1435" s="235"/>
      <c r="X1435" s="235"/>
      <c r="Y1435" s="235"/>
      <c r="Z1435" s="235"/>
      <c r="AA1435" s="235"/>
      <c r="AB1435" s="235"/>
      <c r="AC1435" s="235"/>
      <c r="AD1435" s="235"/>
      <c r="AE1435" s="235"/>
      <c r="AF1435" s="235"/>
      <c r="AG1435" s="235"/>
      <c r="AH1435" s="235"/>
      <c r="AI1435" s="235"/>
      <c r="AJ1435" s="236"/>
      <c r="AK1435" s="229"/>
      <c r="AL1435" s="230"/>
    </row>
    <row r="1436" spans="1:38" ht="13.5" customHeight="1" thickTop="1">
      <c r="C1436" s="231" t="s">
        <v>161</v>
      </c>
      <c r="D1436" s="232"/>
      <c r="E1436" s="232"/>
      <c r="F1436" s="232"/>
      <c r="G1436" s="232"/>
      <c r="H1436" s="232"/>
      <c r="I1436" s="232"/>
      <c r="J1436" s="232"/>
      <c r="K1436" s="232"/>
      <c r="L1436" s="232"/>
      <c r="M1436" s="232"/>
      <c r="N1436" s="232"/>
      <c r="O1436" s="232"/>
      <c r="P1436" s="232"/>
      <c r="Q1436" s="232"/>
      <c r="R1436" s="232"/>
      <c r="S1436" s="232"/>
      <c r="T1436" s="232"/>
      <c r="U1436" s="232"/>
      <c r="V1436" s="232"/>
      <c r="W1436" s="232"/>
      <c r="X1436" s="232"/>
      <c r="Y1436" s="232"/>
      <c r="Z1436" s="232"/>
      <c r="AA1436" s="232"/>
      <c r="AB1436" s="232"/>
      <c r="AC1436" s="232"/>
      <c r="AD1436" s="232"/>
      <c r="AE1436" s="232"/>
      <c r="AF1436" s="232"/>
      <c r="AG1436" s="232"/>
      <c r="AH1436" s="232"/>
      <c r="AI1436" s="232"/>
      <c r="AJ1436" s="233"/>
      <c r="AK1436" s="227"/>
      <c r="AL1436" s="228"/>
    </row>
    <row r="1437" spans="1:38" ht="13.5" customHeight="1" thickBot="1">
      <c r="C1437" s="234"/>
      <c r="D1437" s="235"/>
      <c r="E1437" s="235"/>
      <c r="F1437" s="235"/>
      <c r="G1437" s="235"/>
      <c r="H1437" s="235"/>
      <c r="I1437" s="235"/>
      <c r="J1437" s="235"/>
      <c r="K1437" s="235"/>
      <c r="L1437" s="235"/>
      <c r="M1437" s="235"/>
      <c r="N1437" s="235"/>
      <c r="O1437" s="235"/>
      <c r="P1437" s="235"/>
      <c r="Q1437" s="235"/>
      <c r="R1437" s="235"/>
      <c r="S1437" s="235"/>
      <c r="T1437" s="235"/>
      <c r="U1437" s="235"/>
      <c r="V1437" s="235"/>
      <c r="W1437" s="235"/>
      <c r="X1437" s="235"/>
      <c r="Y1437" s="235"/>
      <c r="Z1437" s="235"/>
      <c r="AA1437" s="235"/>
      <c r="AB1437" s="235"/>
      <c r="AC1437" s="235"/>
      <c r="AD1437" s="235"/>
      <c r="AE1437" s="235"/>
      <c r="AF1437" s="235"/>
      <c r="AG1437" s="235"/>
      <c r="AH1437" s="235"/>
      <c r="AI1437" s="235"/>
      <c r="AJ1437" s="236"/>
      <c r="AK1437" s="229"/>
      <c r="AL1437" s="230"/>
    </row>
    <row r="1438" spans="1:38" ht="13.5" customHeight="1" thickTop="1">
      <c r="C1438" s="231" t="s">
        <v>162</v>
      </c>
      <c r="D1438" s="232"/>
      <c r="E1438" s="232"/>
      <c r="F1438" s="232"/>
      <c r="G1438" s="232"/>
      <c r="H1438" s="232"/>
      <c r="I1438" s="232"/>
      <c r="J1438" s="232"/>
      <c r="K1438" s="232"/>
      <c r="L1438" s="232"/>
      <c r="M1438" s="232"/>
      <c r="N1438" s="232"/>
      <c r="O1438" s="232"/>
      <c r="P1438" s="232"/>
      <c r="Q1438" s="232"/>
      <c r="R1438" s="232"/>
      <c r="S1438" s="232"/>
      <c r="T1438" s="232"/>
      <c r="U1438" s="232"/>
      <c r="V1438" s="232"/>
      <c r="W1438" s="232"/>
      <c r="X1438" s="232"/>
      <c r="Y1438" s="232"/>
      <c r="Z1438" s="232"/>
      <c r="AA1438" s="232"/>
      <c r="AB1438" s="232"/>
      <c r="AC1438" s="232"/>
      <c r="AD1438" s="232"/>
      <c r="AE1438" s="232"/>
      <c r="AF1438" s="232"/>
      <c r="AG1438" s="232"/>
      <c r="AH1438" s="232"/>
      <c r="AI1438" s="232"/>
      <c r="AJ1438" s="233"/>
      <c r="AK1438" s="227"/>
      <c r="AL1438" s="228"/>
    </row>
    <row r="1439" spans="1:38" ht="13.5" customHeight="1" thickBot="1">
      <c r="C1439" s="234"/>
      <c r="D1439" s="235"/>
      <c r="E1439" s="235"/>
      <c r="F1439" s="235"/>
      <c r="G1439" s="235"/>
      <c r="H1439" s="235"/>
      <c r="I1439" s="235"/>
      <c r="J1439" s="235"/>
      <c r="K1439" s="235"/>
      <c r="L1439" s="235"/>
      <c r="M1439" s="235"/>
      <c r="N1439" s="235"/>
      <c r="O1439" s="235"/>
      <c r="P1439" s="235"/>
      <c r="Q1439" s="235"/>
      <c r="R1439" s="235"/>
      <c r="S1439" s="235"/>
      <c r="T1439" s="235"/>
      <c r="U1439" s="235"/>
      <c r="V1439" s="235"/>
      <c r="W1439" s="235"/>
      <c r="X1439" s="235"/>
      <c r="Y1439" s="235"/>
      <c r="Z1439" s="235"/>
      <c r="AA1439" s="235"/>
      <c r="AB1439" s="235"/>
      <c r="AC1439" s="235"/>
      <c r="AD1439" s="235"/>
      <c r="AE1439" s="235"/>
      <c r="AF1439" s="235"/>
      <c r="AG1439" s="235"/>
      <c r="AH1439" s="235"/>
      <c r="AI1439" s="235"/>
      <c r="AJ1439" s="236"/>
      <c r="AK1439" s="229"/>
      <c r="AL1439" s="230"/>
    </row>
    <row r="1440" spans="1:38" ht="13.5" customHeight="1" thickTop="1">
      <c r="C1440" s="1" t="s">
        <v>59</v>
      </c>
      <c r="D1440" s="315" t="s">
        <v>361</v>
      </c>
      <c r="E1440" s="315"/>
      <c r="F1440" s="315"/>
      <c r="G1440" s="315"/>
      <c r="H1440" s="315"/>
      <c r="I1440" s="315"/>
      <c r="J1440" s="315"/>
      <c r="K1440" s="315"/>
      <c r="L1440" s="315"/>
      <c r="M1440" s="315"/>
      <c r="N1440" s="315"/>
      <c r="O1440" s="315"/>
      <c r="P1440" s="315"/>
      <c r="Q1440" s="315"/>
      <c r="R1440" s="315"/>
      <c r="S1440" s="315"/>
      <c r="T1440" s="315"/>
      <c r="U1440" s="315"/>
      <c r="V1440" s="315"/>
      <c r="W1440" s="315"/>
      <c r="X1440" s="315"/>
      <c r="Y1440" s="315"/>
      <c r="Z1440" s="315"/>
      <c r="AA1440" s="315"/>
      <c r="AB1440" s="315"/>
      <c r="AC1440" s="315"/>
      <c r="AD1440" s="315"/>
      <c r="AE1440" s="315"/>
      <c r="AF1440" s="315"/>
      <c r="AG1440" s="315"/>
      <c r="AH1440" s="315"/>
      <c r="AI1440" s="315"/>
      <c r="AJ1440" s="315"/>
    </row>
    <row r="1441" spans="1:38" ht="13.5" customHeight="1">
      <c r="D1441" s="315"/>
      <c r="E1441" s="315"/>
      <c r="F1441" s="315"/>
      <c r="G1441" s="315"/>
      <c r="H1441" s="315"/>
      <c r="I1441" s="315"/>
      <c r="J1441" s="315"/>
      <c r="K1441" s="315"/>
      <c r="L1441" s="315"/>
      <c r="M1441" s="315"/>
      <c r="N1441" s="315"/>
      <c r="O1441" s="315"/>
      <c r="P1441" s="315"/>
      <c r="Q1441" s="315"/>
      <c r="R1441" s="315"/>
      <c r="S1441" s="315"/>
      <c r="T1441" s="315"/>
      <c r="U1441" s="315"/>
      <c r="V1441" s="315"/>
      <c r="W1441" s="315"/>
      <c r="X1441" s="315"/>
      <c r="Y1441" s="315"/>
      <c r="Z1441" s="315"/>
      <c r="AA1441" s="315"/>
      <c r="AB1441" s="315"/>
      <c r="AC1441" s="315"/>
      <c r="AD1441" s="315"/>
      <c r="AE1441" s="315"/>
      <c r="AF1441" s="315"/>
      <c r="AG1441" s="315"/>
      <c r="AH1441" s="315"/>
      <c r="AI1441" s="315"/>
      <c r="AJ1441" s="315"/>
    </row>
    <row r="1442" spans="1:38" ht="13.5" customHeight="1" thickBot="1"/>
    <row r="1443" spans="1:38" ht="13.5" customHeight="1" thickTop="1">
      <c r="A1443" s="215">
        <v>141</v>
      </c>
      <c r="B1443" s="216"/>
      <c r="C1443" s="219" t="s">
        <v>613</v>
      </c>
      <c r="D1443" s="220"/>
      <c r="E1443" s="220"/>
      <c r="F1443" s="220"/>
      <c r="G1443" s="220"/>
      <c r="H1443" s="220"/>
      <c r="I1443" s="220"/>
      <c r="J1443" s="220"/>
      <c r="K1443" s="220"/>
      <c r="L1443" s="220"/>
      <c r="M1443" s="220"/>
      <c r="N1443" s="220"/>
      <c r="O1443" s="220"/>
      <c r="P1443" s="220"/>
      <c r="Q1443" s="220"/>
      <c r="R1443" s="220"/>
      <c r="S1443" s="220"/>
      <c r="T1443" s="220"/>
      <c r="U1443" s="220"/>
      <c r="V1443" s="220"/>
      <c r="W1443" s="220"/>
      <c r="X1443" s="220"/>
      <c r="Y1443" s="220"/>
      <c r="Z1443" s="220"/>
      <c r="AA1443" s="220"/>
      <c r="AB1443" s="220"/>
      <c r="AC1443" s="220"/>
      <c r="AD1443" s="220"/>
      <c r="AE1443" s="220"/>
      <c r="AF1443" s="220"/>
      <c r="AG1443" s="220"/>
      <c r="AH1443" s="220"/>
      <c r="AI1443" s="220"/>
      <c r="AJ1443" s="221"/>
      <c r="AK1443" s="227"/>
      <c r="AL1443" s="228"/>
    </row>
    <row r="1444" spans="1:38" ht="13.5" customHeight="1" thickBot="1">
      <c r="A1444" s="217"/>
      <c r="B1444" s="218"/>
      <c r="C1444" s="225"/>
      <c r="D1444" s="226"/>
      <c r="E1444" s="226"/>
      <c r="F1444" s="226"/>
      <c r="G1444" s="226"/>
      <c r="H1444" s="226"/>
      <c r="I1444" s="226"/>
      <c r="J1444" s="226"/>
      <c r="K1444" s="226"/>
      <c r="L1444" s="226"/>
      <c r="M1444" s="226"/>
      <c r="N1444" s="226"/>
      <c r="O1444" s="226"/>
      <c r="P1444" s="226"/>
      <c r="Q1444" s="226"/>
      <c r="R1444" s="226"/>
      <c r="S1444" s="226"/>
      <c r="T1444" s="226"/>
      <c r="U1444" s="226"/>
      <c r="V1444" s="226"/>
      <c r="W1444" s="226"/>
      <c r="X1444" s="226"/>
      <c r="Y1444" s="226"/>
      <c r="Z1444" s="226"/>
      <c r="AA1444" s="226"/>
      <c r="AB1444" s="226"/>
      <c r="AC1444" s="226"/>
      <c r="AD1444" s="226"/>
      <c r="AE1444" s="226"/>
      <c r="AF1444" s="226"/>
      <c r="AG1444" s="226"/>
      <c r="AH1444" s="226"/>
      <c r="AI1444" s="226"/>
      <c r="AJ1444" s="241"/>
      <c r="AK1444" s="229"/>
      <c r="AL1444" s="230"/>
    </row>
    <row r="1445" spans="1:38" ht="13.5" customHeight="1" thickTop="1" thickBot="1"/>
    <row r="1446" spans="1:38" ht="13.5" customHeight="1" thickTop="1">
      <c r="A1446" s="215">
        <v>142</v>
      </c>
      <c r="B1446" s="216"/>
      <c r="C1446" s="501" t="s">
        <v>614</v>
      </c>
      <c r="D1446" s="502"/>
      <c r="E1446" s="502"/>
      <c r="F1446" s="502"/>
      <c r="G1446" s="502"/>
      <c r="H1446" s="502"/>
      <c r="I1446" s="502"/>
      <c r="J1446" s="502"/>
      <c r="K1446" s="502"/>
      <c r="L1446" s="502"/>
      <c r="M1446" s="502"/>
      <c r="N1446" s="502"/>
      <c r="O1446" s="502"/>
      <c r="P1446" s="502"/>
      <c r="Q1446" s="502"/>
      <c r="R1446" s="502"/>
      <c r="S1446" s="502"/>
      <c r="T1446" s="502"/>
      <c r="U1446" s="502"/>
      <c r="V1446" s="502"/>
      <c r="W1446" s="502"/>
      <c r="X1446" s="502"/>
      <c r="Y1446" s="502"/>
      <c r="Z1446" s="502"/>
      <c r="AA1446" s="502"/>
      <c r="AB1446" s="502"/>
      <c r="AC1446" s="502"/>
      <c r="AD1446" s="502"/>
      <c r="AE1446" s="502"/>
      <c r="AF1446" s="502"/>
      <c r="AG1446" s="502"/>
      <c r="AH1446" s="502"/>
      <c r="AI1446" s="502"/>
      <c r="AJ1446" s="502"/>
      <c r="AK1446" s="227"/>
      <c r="AL1446" s="228"/>
    </row>
    <row r="1447" spans="1:38" ht="13.5" customHeight="1" thickBot="1">
      <c r="A1447" s="217"/>
      <c r="B1447" s="218"/>
      <c r="C1447" s="503"/>
      <c r="D1447" s="504"/>
      <c r="E1447" s="504"/>
      <c r="F1447" s="504"/>
      <c r="G1447" s="504"/>
      <c r="H1447" s="504"/>
      <c r="I1447" s="504"/>
      <c r="J1447" s="504"/>
      <c r="K1447" s="504"/>
      <c r="L1447" s="504"/>
      <c r="M1447" s="504"/>
      <c r="N1447" s="504"/>
      <c r="O1447" s="504"/>
      <c r="P1447" s="504"/>
      <c r="Q1447" s="504"/>
      <c r="R1447" s="504"/>
      <c r="S1447" s="504"/>
      <c r="T1447" s="504"/>
      <c r="U1447" s="504"/>
      <c r="V1447" s="504"/>
      <c r="W1447" s="504"/>
      <c r="X1447" s="504"/>
      <c r="Y1447" s="504"/>
      <c r="Z1447" s="504"/>
      <c r="AA1447" s="504"/>
      <c r="AB1447" s="504"/>
      <c r="AC1447" s="504"/>
      <c r="AD1447" s="504"/>
      <c r="AE1447" s="504"/>
      <c r="AF1447" s="504"/>
      <c r="AG1447" s="504"/>
      <c r="AH1447" s="504"/>
      <c r="AI1447" s="504"/>
      <c r="AJ1447" s="504"/>
      <c r="AK1447" s="229"/>
      <c r="AL1447" s="230"/>
    </row>
    <row r="1448" spans="1:38" ht="13.5" customHeight="1" thickTop="1">
      <c r="A1448" s="18"/>
      <c r="B1448" s="19"/>
      <c r="C1448" s="505"/>
      <c r="D1448" s="506"/>
      <c r="E1448" s="506"/>
      <c r="F1448" s="506"/>
      <c r="G1448" s="506"/>
      <c r="H1448" s="506"/>
      <c r="I1448" s="506"/>
      <c r="J1448" s="506"/>
      <c r="K1448" s="506"/>
      <c r="L1448" s="506"/>
      <c r="M1448" s="506"/>
      <c r="N1448" s="506"/>
      <c r="O1448" s="506"/>
      <c r="P1448" s="506"/>
      <c r="Q1448" s="506"/>
      <c r="R1448" s="506"/>
      <c r="S1448" s="506"/>
      <c r="T1448" s="506"/>
      <c r="U1448" s="506"/>
      <c r="V1448" s="506"/>
      <c r="W1448" s="506"/>
      <c r="X1448" s="506"/>
      <c r="Y1448" s="506"/>
      <c r="Z1448" s="506"/>
      <c r="AA1448" s="506"/>
      <c r="AB1448" s="506"/>
      <c r="AC1448" s="506"/>
      <c r="AD1448" s="506"/>
      <c r="AE1448" s="506"/>
      <c r="AF1448" s="506"/>
      <c r="AG1448" s="506"/>
      <c r="AH1448" s="506"/>
      <c r="AI1448" s="506"/>
      <c r="AJ1448" s="506"/>
      <c r="AK1448" s="3"/>
      <c r="AL1448" s="39"/>
    </row>
    <row r="1449" spans="1:38" ht="13.5" customHeight="1" thickBot="1"/>
    <row r="1450" spans="1:38" ht="13.5" customHeight="1" thickTop="1">
      <c r="A1450" s="215">
        <v>143</v>
      </c>
      <c r="B1450" s="239"/>
      <c r="C1450" s="501" t="s">
        <v>615</v>
      </c>
      <c r="D1450" s="502"/>
      <c r="E1450" s="502"/>
      <c r="F1450" s="502"/>
      <c r="G1450" s="502"/>
      <c r="H1450" s="502"/>
      <c r="I1450" s="502"/>
      <c r="J1450" s="502"/>
      <c r="K1450" s="502"/>
      <c r="L1450" s="502"/>
      <c r="M1450" s="502"/>
      <c r="N1450" s="502"/>
      <c r="O1450" s="502"/>
      <c r="P1450" s="502"/>
      <c r="Q1450" s="502"/>
      <c r="R1450" s="502"/>
      <c r="S1450" s="502"/>
      <c r="T1450" s="502"/>
      <c r="U1450" s="502"/>
      <c r="V1450" s="502"/>
      <c r="W1450" s="502"/>
      <c r="X1450" s="502"/>
      <c r="Y1450" s="502"/>
      <c r="Z1450" s="502"/>
      <c r="AA1450" s="502"/>
      <c r="AB1450" s="502"/>
      <c r="AC1450" s="502"/>
      <c r="AD1450" s="502"/>
      <c r="AE1450" s="502"/>
      <c r="AF1450" s="502"/>
      <c r="AG1450" s="502"/>
      <c r="AH1450" s="502"/>
      <c r="AI1450" s="502"/>
      <c r="AJ1450" s="502"/>
      <c r="AK1450" s="227"/>
      <c r="AL1450" s="228"/>
    </row>
    <row r="1451" spans="1:38" ht="13.5" customHeight="1" thickBot="1">
      <c r="A1451" s="217"/>
      <c r="B1451" s="240"/>
      <c r="C1451" s="503"/>
      <c r="D1451" s="504"/>
      <c r="E1451" s="504"/>
      <c r="F1451" s="504"/>
      <c r="G1451" s="504"/>
      <c r="H1451" s="504"/>
      <c r="I1451" s="504"/>
      <c r="J1451" s="504"/>
      <c r="K1451" s="504"/>
      <c r="L1451" s="504"/>
      <c r="M1451" s="504"/>
      <c r="N1451" s="504"/>
      <c r="O1451" s="504"/>
      <c r="P1451" s="504"/>
      <c r="Q1451" s="504"/>
      <c r="R1451" s="504"/>
      <c r="S1451" s="504"/>
      <c r="T1451" s="504"/>
      <c r="U1451" s="504"/>
      <c r="V1451" s="504"/>
      <c r="W1451" s="504"/>
      <c r="X1451" s="504"/>
      <c r="Y1451" s="504"/>
      <c r="Z1451" s="504"/>
      <c r="AA1451" s="504"/>
      <c r="AB1451" s="504"/>
      <c r="AC1451" s="504"/>
      <c r="AD1451" s="504"/>
      <c r="AE1451" s="504"/>
      <c r="AF1451" s="504"/>
      <c r="AG1451" s="504"/>
      <c r="AH1451" s="504"/>
      <c r="AI1451" s="504"/>
      <c r="AJ1451" s="504"/>
      <c r="AK1451" s="229"/>
      <c r="AL1451" s="230"/>
    </row>
    <row r="1452" spans="1:38" ht="13.5" customHeight="1" thickTop="1">
      <c r="A1452" s="38"/>
      <c r="B1452" s="41"/>
      <c r="C1452" s="503"/>
      <c r="D1452" s="504"/>
      <c r="E1452" s="504"/>
      <c r="F1452" s="504"/>
      <c r="G1452" s="504"/>
      <c r="H1452" s="504"/>
      <c r="I1452" s="504"/>
      <c r="J1452" s="504"/>
      <c r="K1452" s="504"/>
      <c r="L1452" s="504"/>
      <c r="M1452" s="504"/>
      <c r="N1452" s="504"/>
      <c r="O1452" s="504"/>
      <c r="P1452" s="504"/>
      <c r="Q1452" s="504"/>
      <c r="R1452" s="504"/>
      <c r="S1452" s="504"/>
      <c r="T1452" s="504"/>
      <c r="U1452" s="504"/>
      <c r="V1452" s="504"/>
      <c r="W1452" s="504"/>
      <c r="X1452" s="504"/>
      <c r="Y1452" s="504"/>
      <c r="Z1452" s="504"/>
      <c r="AA1452" s="504"/>
      <c r="AB1452" s="504"/>
      <c r="AC1452" s="504"/>
      <c r="AD1452" s="504"/>
      <c r="AE1452" s="504"/>
      <c r="AF1452" s="504"/>
      <c r="AG1452" s="504"/>
      <c r="AH1452" s="504"/>
      <c r="AI1452" s="504"/>
      <c r="AJ1452" s="504"/>
      <c r="AK1452" s="3"/>
      <c r="AL1452" s="39"/>
    </row>
    <row r="1453" spans="1:38" ht="13.5" customHeight="1">
      <c r="C1453" s="505"/>
      <c r="D1453" s="506"/>
      <c r="E1453" s="506"/>
      <c r="F1453" s="506"/>
      <c r="G1453" s="506"/>
      <c r="H1453" s="506"/>
      <c r="I1453" s="506"/>
      <c r="J1453" s="506"/>
      <c r="K1453" s="506"/>
      <c r="L1453" s="506"/>
      <c r="M1453" s="506"/>
      <c r="N1453" s="506"/>
      <c r="O1453" s="506"/>
      <c r="P1453" s="506"/>
      <c r="Q1453" s="506"/>
      <c r="R1453" s="506"/>
      <c r="S1453" s="506"/>
      <c r="T1453" s="506"/>
      <c r="U1453" s="506"/>
      <c r="V1453" s="506"/>
      <c r="W1453" s="506"/>
      <c r="X1453" s="506"/>
      <c r="Y1453" s="506"/>
      <c r="Z1453" s="506"/>
      <c r="AA1453" s="506"/>
      <c r="AB1453" s="506"/>
      <c r="AC1453" s="506"/>
      <c r="AD1453" s="506"/>
      <c r="AE1453" s="506"/>
      <c r="AF1453" s="506"/>
      <c r="AG1453" s="506"/>
      <c r="AH1453" s="506"/>
      <c r="AI1453" s="506"/>
      <c r="AJ1453" s="506"/>
      <c r="AK1453" s="4"/>
    </row>
    <row r="1454" spans="1:38" ht="13.5" customHeight="1" thickBot="1">
      <c r="C1454" s="40"/>
      <c r="D1454" s="40"/>
      <c r="E1454" s="40"/>
      <c r="F1454" s="40"/>
      <c r="G1454" s="40"/>
      <c r="H1454" s="40"/>
      <c r="I1454" s="40"/>
      <c r="J1454" s="40"/>
      <c r="K1454" s="40"/>
      <c r="L1454" s="40"/>
      <c r="M1454" s="40"/>
      <c r="N1454" s="40"/>
      <c r="O1454" s="40"/>
      <c r="P1454" s="40"/>
      <c r="Q1454" s="40"/>
      <c r="R1454" s="40"/>
      <c r="S1454" s="40"/>
      <c r="T1454" s="40"/>
      <c r="U1454" s="40"/>
      <c r="V1454" s="40"/>
      <c r="W1454" s="40"/>
      <c r="X1454" s="40"/>
      <c r="Y1454" s="40"/>
      <c r="Z1454" s="40"/>
      <c r="AA1454" s="40"/>
      <c r="AB1454" s="40"/>
      <c r="AC1454" s="40"/>
      <c r="AD1454" s="40"/>
      <c r="AE1454" s="40"/>
      <c r="AF1454" s="40"/>
      <c r="AG1454" s="40"/>
      <c r="AH1454" s="40"/>
      <c r="AI1454" s="40"/>
      <c r="AJ1454" s="40"/>
      <c r="AK1454" s="5"/>
    </row>
    <row r="1455" spans="1:38" ht="13.5" customHeight="1" thickTop="1">
      <c r="A1455" s="215">
        <v>144</v>
      </c>
      <c r="B1455" s="216"/>
      <c r="C1455" s="219" t="s">
        <v>616</v>
      </c>
      <c r="D1455" s="220"/>
      <c r="E1455" s="220"/>
      <c r="F1455" s="220"/>
      <c r="G1455" s="220"/>
      <c r="H1455" s="220"/>
      <c r="I1455" s="220"/>
      <c r="J1455" s="220"/>
      <c r="K1455" s="220"/>
      <c r="L1455" s="220"/>
      <c r="M1455" s="220"/>
      <c r="N1455" s="220"/>
      <c r="O1455" s="220"/>
      <c r="P1455" s="220"/>
      <c r="Q1455" s="220"/>
      <c r="R1455" s="220"/>
      <c r="S1455" s="220"/>
      <c r="T1455" s="220"/>
      <c r="U1455" s="220"/>
      <c r="V1455" s="220"/>
      <c r="W1455" s="220"/>
      <c r="X1455" s="220"/>
      <c r="Y1455" s="220"/>
      <c r="Z1455" s="220"/>
      <c r="AA1455" s="220"/>
      <c r="AB1455" s="220"/>
      <c r="AC1455" s="220"/>
      <c r="AD1455" s="220"/>
      <c r="AE1455" s="220"/>
      <c r="AF1455" s="220"/>
      <c r="AG1455" s="220"/>
      <c r="AH1455" s="220"/>
      <c r="AI1455" s="220"/>
      <c r="AJ1455" s="221"/>
      <c r="AK1455" s="227"/>
      <c r="AL1455" s="228"/>
    </row>
    <row r="1456" spans="1:38" ht="13.5" customHeight="1" thickBot="1">
      <c r="A1456" s="217"/>
      <c r="B1456" s="218"/>
      <c r="C1456" s="225"/>
      <c r="D1456" s="226"/>
      <c r="E1456" s="226"/>
      <c r="F1456" s="226"/>
      <c r="G1456" s="226"/>
      <c r="H1456" s="226"/>
      <c r="I1456" s="226"/>
      <c r="J1456" s="226"/>
      <c r="K1456" s="226"/>
      <c r="L1456" s="226"/>
      <c r="M1456" s="226"/>
      <c r="N1456" s="226"/>
      <c r="O1456" s="226"/>
      <c r="P1456" s="226"/>
      <c r="Q1456" s="226"/>
      <c r="R1456" s="226"/>
      <c r="S1456" s="226"/>
      <c r="T1456" s="226"/>
      <c r="U1456" s="226"/>
      <c r="V1456" s="226"/>
      <c r="W1456" s="226"/>
      <c r="X1456" s="226"/>
      <c r="Y1456" s="226"/>
      <c r="Z1456" s="226"/>
      <c r="AA1456" s="226"/>
      <c r="AB1456" s="226"/>
      <c r="AC1456" s="226"/>
      <c r="AD1456" s="226"/>
      <c r="AE1456" s="226"/>
      <c r="AF1456" s="226"/>
      <c r="AG1456" s="226"/>
      <c r="AH1456" s="226"/>
      <c r="AI1456" s="226"/>
      <c r="AJ1456" s="241"/>
      <c r="AK1456" s="229"/>
      <c r="AL1456" s="230"/>
    </row>
    <row r="1457" spans="1:38" ht="13.5" customHeight="1" thickTop="1" thickBot="1">
      <c r="A1457" s="46"/>
      <c r="B1457" s="46"/>
      <c r="C1457" s="37"/>
      <c r="D1457" s="37"/>
      <c r="E1457" s="37"/>
      <c r="F1457" s="37"/>
      <c r="G1457" s="37"/>
      <c r="H1457" s="37"/>
      <c r="I1457" s="37"/>
      <c r="J1457" s="37"/>
      <c r="K1457" s="37"/>
      <c r="L1457" s="37"/>
      <c r="M1457" s="37"/>
      <c r="N1457" s="37"/>
      <c r="O1457" s="37"/>
      <c r="P1457" s="37"/>
      <c r="Q1457" s="37"/>
      <c r="R1457" s="37"/>
      <c r="S1457" s="37"/>
      <c r="T1457" s="37"/>
      <c r="U1457" s="37"/>
      <c r="V1457" s="37"/>
      <c r="W1457" s="37"/>
      <c r="X1457" s="37"/>
      <c r="Y1457" s="37"/>
      <c r="Z1457" s="37"/>
      <c r="AA1457" s="37"/>
      <c r="AB1457" s="37"/>
      <c r="AC1457" s="37"/>
      <c r="AD1457" s="37"/>
      <c r="AE1457" s="37"/>
      <c r="AF1457" s="37"/>
      <c r="AG1457" s="37"/>
      <c r="AH1457" s="37"/>
      <c r="AI1457" s="37"/>
      <c r="AJ1457" s="37"/>
      <c r="AK1457" s="46"/>
      <c r="AL1457" s="46"/>
    </row>
    <row r="1458" spans="1:38" ht="13.5" customHeight="1" thickTop="1">
      <c r="A1458" s="215">
        <v>145</v>
      </c>
      <c r="B1458" s="216"/>
      <c r="C1458" s="500" t="s">
        <v>617</v>
      </c>
      <c r="D1458" s="220"/>
      <c r="E1458" s="220"/>
      <c r="F1458" s="220"/>
      <c r="G1458" s="220"/>
      <c r="H1458" s="220"/>
      <c r="I1458" s="220"/>
      <c r="J1458" s="220"/>
      <c r="K1458" s="220"/>
      <c r="L1458" s="220"/>
      <c r="M1458" s="220"/>
      <c r="N1458" s="220"/>
      <c r="O1458" s="220"/>
      <c r="P1458" s="220"/>
      <c r="Q1458" s="220"/>
      <c r="R1458" s="220"/>
      <c r="S1458" s="220"/>
      <c r="T1458" s="220"/>
      <c r="U1458" s="220"/>
      <c r="V1458" s="220"/>
      <c r="W1458" s="220"/>
      <c r="X1458" s="220"/>
      <c r="Y1458" s="220"/>
      <c r="Z1458" s="220"/>
      <c r="AA1458" s="220"/>
      <c r="AB1458" s="220"/>
      <c r="AC1458" s="220"/>
      <c r="AD1458" s="220"/>
      <c r="AE1458" s="220"/>
      <c r="AF1458" s="220"/>
      <c r="AG1458" s="220"/>
      <c r="AH1458" s="220"/>
      <c r="AI1458" s="220"/>
      <c r="AJ1458" s="221"/>
      <c r="AK1458" s="227"/>
      <c r="AL1458" s="228"/>
    </row>
    <row r="1459" spans="1:38" ht="13.5" customHeight="1" thickBot="1">
      <c r="A1459" s="217"/>
      <c r="B1459" s="218"/>
      <c r="C1459" s="322"/>
      <c r="D1459" s="315"/>
      <c r="E1459" s="315"/>
      <c r="F1459" s="315"/>
      <c r="G1459" s="315"/>
      <c r="H1459" s="315"/>
      <c r="I1459" s="315"/>
      <c r="J1459" s="315"/>
      <c r="K1459" s="315"/>
      <c r="L1459" s="315"/>
      <c r="M1459" s="315"/>
      <c r="N1459" s="315"/>
      <c r="O1459" s="315"/>
      <c r="P1459" s="315"/>
      <c r="Q1459" s="315"/>
      <c r="R1459" s="315"/>
      <c r="S1459" s="315"/>
      <c r="T1459" s="315"/>
      <c r="U1459" s="315"/>
      <c r="V1459" s="315"/>
      <c r="W1459" s="315"/>
      <c r="X1459" s="315"/>
      <c r="Y1459" s="315"/>
      <c r="Z1459" s="315"/>
      <c r="AA1459" s="315"/>
      <c r="AB1459" s="315"/>
      <c r="AC1459" s="315"/>
      <c r="AD1459" s="315"/>
      <c r="AE1459" s="315"/>
      <c r="AF1459" s="315"/>
      <c r="AG1459" s="315"/>
      <c r="AH1459" s="315"/>
      <c r="AI1459" s="315"/>
      <c r="AJ1459" s="224"/>
      <c r="AK1459" s="229"/>
      <c r="AL1459" s="230"/>
    </row>
    <row r="1460" spans="1:38" ht="13.5" customHeight="1" thickTop="1">
      <c r="B1460" s="10"/>
      <c r="C1460" s="226"/>
      <c r="D1460" s="226"/>
      <c r="E1460" s="226"/>
      <c r="F1460" s="226"/>
      <c r="G1460" s="226"/>
      <c r="H1460" s="226"/>
      <c r="I1460" s="226"/>
      <c r="J1460" s="226"/>
      <c r="K1460" s="226"/>
      <c r="L1460" s="226"/>
      <c r="M1460" s="226"/>
      <c r="N1460" s="226"/>
      <c r="O1460" s="226"/>
      <c r="P1460" s="226"/>
      <c r="Q1460" s="226"/>
      <c r="R1460" s="226"/>
      <c r="S1460" s="226"/>
      <c r="T1460" s="226"/>
      <c r="U1460" s="226"/>
      <c r="V1460" s="226"/>
      <c r="W1460" s="226"/>
      <c r="X1460" s="226"/>
      <c r="Y1460" s="226"/>
      <c r="Z1460" s="226"/>
      <c r="AA1460" s="226"/>
      <c r="AB1460" s="226"/>
      <c r="AC1460" s="226"/>
      <c r="AD1460" s="226"/>
      <c r="AE1460" s="226"/>
      <c r="AF1460" s="226"/>
      <c r="AG1460" s="226"/>
      <c r="AH1460" s="226"/>
      <c r="AI1460" s="226"/>
      <c r="AJ1460" s="226"/>
      <c r="AK1460" s="3"/>
      <c r="AL1460" s="39"/>
    </row>
    <row r="1461" spans="1:38" ht="13.5" customHeight="1" thickBot="1">
      <c r="B1461" s="9"/>
      <c r="C1461" s="37"/>
      <c r="D1461" s="37"/>
      <c r="E1461" s="37"/>
      <c r="F1461" s="37"/>
      <c r="G1461" s="37"/>
      <c r="H1461" s="37"/>
      <c r="I1461" s="37"/>
      <c r="J1461" s="37"/>
      <c r="K1461" s="37"/>
      <c r="L1461" s="37"/>
      <c r="M1461" s="37"/>
      <c r="N1461" s="37"/>
      <c r="O1461" s="37"/>
      <c r="P1461" s="37"/>
      <c r="Q1461" s="37"/>
      <c r="R1461" s="37"/>
      <c r="S1461" s="37"/>
      <c r="T1461" s="37"/>
      <c r="U1461" s="37"/>
      <c r="V1461" s="37"/>
      <c r="W1461" s="37"/>
      <c r="X1461" s="37"/>
      <c r="Y1461" s="37"/>
      <c r="Z1461" s="37"/>
      <c r="AA1461" s="37"/>
      <c r="AB1461" s="37"/>
      <c r="AC1461" s="37"/>
      <c r="AD1461" s="37"/>
      <c r="AE1461" s="37"/>
      <c r="AF1461" s="37"/>
      <c r="AG1461" s="37"/>
      <c r="AH1461" s="37"/>
      <c r="AI1461" s="37"/>
      <c r="AJ1461" s="37"/>
      <c r="AK1461" s="46"/>
      <c r="AL1461" s="46"/>
    </row>
    <row r="1462" spans="1:38" ht="13.5" customHeight="1" thickTop="1">
      <c r="A1462" s="215">
        <v>146</v>
      </c>
      <c r="B1462" s="216"/>
      <c r="C1462" s="219" t="s">
        <v>618</v>
      </c>
      <c r="D1462" s="220"/>
      <c r="E1462" s="220"/>
      <c r="F1462" s="220"/>
      <c r="G1462" s="220"/>
      <c r="H1462" s="220"/>
      <c r="I1462" s="220"/>
      <c r="J1462" s="220"/>
      <c r="K1462" s="220"/>
      <c r="L1462" s="220"/>
      <c r="M1462" s="220"/>
      <c r="N1462" s="220"/>
      <c r="O1462" s="220"/>
      <c r="P1462" s="220"/>
      <c r="Q1462" s="220"/>
      <c r="R1462" s="220"/>
      <c r="S1462" s="220"/>
      <c r="T1462" s="220"/>
      <c r="U1462" s="220"/>
      <c r="V1462" s="220"/>
      <c r="W1462" s="220"/>
      <c r="X1462" s="220"/>
      <c r="Y1462" s="220"/>
      <c r="Z1462" s="220"/>
      <c r="AA1462" s="220"/>
      <c r="AB1462" s="220"/>
      <c r="AC1462" s="220"/>
      <c r="AD1462" s="220"/>
      <c r="AE1462" s="220"/>
      <c r="AF1462" s="220"/>
      <c r="AG1462" s="220"/>
      <c r="AH1462" s="220"/>
      <c r="AI1462" s="220"/>
      <c r="AJ1462" s="221"/>
      <c r="AK1462" s="507"/>
      <c r="AL1462" s="508"/>
    </row>
    <row r="1463" spans="1:38" ht="13.5" customHeight="1" thickBot="1">
      <c r="A1463" s="217"/>
      <c r="B1463" s="218"/>
      <c r="C1463" s="222"/>
      <c r="D1463" s="315"/>
      <c r="E1463" s="315"/>
      <c r="F1463" s="315"/>
      <c r="G1463" s="315"/>
      <c r="H1463" s="315"/>
      <c r="I1463" s="315"/>
      <c r="J1463" s="315"/>
      <c r="K1463" s="315"/>
      <c r="L1463" s="315"/>
      <c r="M1463" s="315"/>
      <c r="N1463" s="315"/>
      <c r="O1463" s="315"/>
      <c r="P1463" s="315"/>
      <c r="Q1463" s="315"/>
      <c r="R1463" s="315"/>
      <c r="S1463" s="315"/>
      <c r="T1463" s="315"/>
      <c r="U1463" s="315"/>
      <c r="V1463" s="315"/>
      <c r="W1463" s="315"/>
      <c r="X1463" s="315"/>
      <c r="Y1463" s="315"/>
      <c r="Z1463" s="315"/>
      <c r="AA1463" s="315"/>
      <c r="AB1463" s="315"/>
      <c r="AC1463" s="315"/>
      <c r="AD1463" s="315"/>
      <c r="AE1463" s="315"/>
      <c r="AF1463" s="315"/>
      <c r="AG1463" s="315"/>
      <c r="AH1463" s="315"/>
      <c r="AI1463" s="315"/>
      <c r="AJ1463" s="224"/>
      <c r="AK1463" s="509"/>
      <c r="AL1463" s="510"/>
    </row>
    <row r="1464" spans="1:38" ht="13.5" customHeight="1" thickTop="1">
      <c r="B1464" s="10"/>
      <c r="C1464" s="225"/>
      <c r="D1464" s="226"/>
      <c r="E1464" s="226"/>
      <c r="F1464" s="226"/>
      <c r="G1464" s="226"/>
      <c r="H1464" s="226"/>
      <c r="I1464" s="226"/>
      <c r="J1464" s="226"/>
      <c r="K1464" s="226"/>
      <c r="L1464" s="226"/>
      <c r="M1464" s="226"/>
      <c r="N1464" s="226"/>
      <c r="O1464" s="226"/>
      <c r="P1464" s="226"/>
      <c r="Q1464" s="226"/>
      <c r="R1464" s="226"/>
      <c r="S1464" s="226"/>
      <c r="T1464" s="226"/>
      <c r="U1464" s="226"/>
      <c r="V1464" s="226"/>
      <c r="W1464" s="226"/>
      <c r="X1464" s="226"/>
      <c r="Y1464" s="226"/>
      <c r="Z1464" s="226"/>
      <c r="AA1464" s="226"/>
      <c r="AB1464" s="226"/>
      <c r="AC1464" s="226"/>
      <c r="AD1464" s="226"/>
      <c r="AE1464" s="226"/>
      <c r="AF1464" s="226"/>
      <c r="AG1464" s="226"/>
      <c r="AH1464" s="226"/>
      <c r="AI1464" s="226"/>
      <c r="AJ1464" s="226"/>
      <c r="AK1464" s="3"/>
      <c r="AL1464" s="39"/>
    </row>
    <row r="1466" spans="1:38" ht="13.5" customHeight="1">
      <c r="A1466" s="2" t="s">
        <v>163</v>
      </c>
    </row>
    <row r="1467" spans="1:38" ht="13.5" customHeight="1" thickBot="1">
      <c r="A1467" s="11" t="s">
        <v>317</v>
      </c>
    </row>
    <row r="1468" spans="1:38" ht="13.5" customHeight="1" thickTop="1">
      <c r="A1468" s="215">
        <v>147</v>
      </c>
      <c r="B1468" s="239"/>
      <c r="C1468" s="219" t="s">
        <v>619</v>
      </c>
      <c r="D1468" s="220"/>
      <c r="E1468" s="220"/>
      <c r="F1468" s="220"/>
      <c r="G1468" s="220"/>
      <c r="H1468" s="220"/>
      <c r="I1468" s="220"/>
      <c r="J1468" s="220"/>
      <c r="K1468" s="220"/>
      <c r="L1468" s="220"/>
      <c r="M1468" s="220"/>
      <c r="N1468" s="220"/>
      <c r="O1468" s="220"/>
      <c r="P1468" s="220"/>
      <c r="Q1468" s="220"/>
      <c r="R1468" s="220"/>
      <c r="S1468" s="220"/>
      <c r="T1468" s="220"/>
      <c r="U1468" s="220"/>
      <c r="V1468" s="220"/>
      <c r="W1468" s="220"/>
      <c r="X1468" s="220"/>
      <c r="Y1468" s="220"/>
      <c r="Z1468" s="220"/>
      <c r="AA1468" s="220"/>
      <c r="AB1468" s="220"/>
      <c r="AC1468" s="220"/>
      <c r="AD1468" s="220"/>
      <c r="AE1468" s="220"/>
      <c r="AF1468" s="220"/>
      <c r="AG1468" s="220"/>
      <c r="AH1468" s="220"/>
      <c r="AI1468" s="220"/>
      <c r="AJ1468" s="220"/>
      <c r="AK1468" s="227"/>
      <c r="AL1468" s="228"/>
    </row>
    <row r="1469" spans="1:38" ht="13.5" customHeight="1" thickBot="1">
      <c r="A1469" s="217"/>
      <c r="B1469" s="240"/>
      <c r="C1469" s="222"/>
      <c r="D1469" s="315"/>
      <c r="E1469" s="315"/>
      <c r="F1469" s="315"/>
      <c r="G1469" s="315"/>
      <c r="H1469" s="315"/>
      <c r="I1469" s="315"/>
      <c r="J1469" s="315"/>
      <c r="K1469" s="315"/>
      <c r="L1469" s="315"/>
      <c r="M1469" s="315"/>
      <c r="N1469" s="315"/>
      <c r="O1469" s="315"/>
      <c r="P1469" s="315"/>
      <c r="Q1469" s="315"/>
      <c r="R1469" s="315"/>
      <c r="S1469" s="315"/>
      <c r="T1469" s="315"/>
      <c r="U1469" s="315"/>
      <c r="V1469" s="315"/>
      <c r="W1469" s="315"/>
      <c r="X1469" s="315"/>
      <c r="Y1469" s="315"/>
      <c r="Z1469" s="315"/>
      <c r="AA1469" s="315"/>
      <c r="AB1469" s="315"/>
      <c r="AC1469" s="315"/>
      <c r="AD1469" s="315"/>
      <c r="AE1469" s="315"/>
      <c r="AF1469" s="315"/>
      <c r="AG1469" s="315"/>
      <c r="AH1469" s="315"/>
      <c r="AI1469" s="315"/>
      <c r="AJ1469" s="315"/>
      <c r="AK1469" s="229"/>
      <c r="AL1469" s="230"/>
    </row>
    <row r="1470" spans="1:38" ht="13.5" customHeight="1" thickTop="1">
      <c r="A1470" s="47"/>
      <c r="B1470" s="47"/>
      <c r="C1470" s="225"/>
      <c r="D1470" s="226"/>
      <c r="E1470" s="226"/>
      <c r="F1470" s="226"/>
      <c r="G1470" s="226"/>
      <c r="H1470" s="226"/>
      <c r="I1470" s="226"/>
      <c r="J1470" s="226"/>
      <c r="K1470" s="226"/>
      <c r="L1470" s="226"/>
      <c r="M1470" s="226"/>
      <c r="N1470" s="226"/>
      <c r="O1470" s="226"/>
      <c r="P1470" s="226"/>
      <c r="Q1470" s="226"/>
      <c r="R1470" s="226"/>
      <c r="S1470" s="226"/>
      <c r="T1470" s="226"/>
      <c r="U1470" s="226"/>
      <c r="V1470" s="226"/>
      <c r="W1470" s="226"/>
      <c r="X1470" s="226"/>
      <c r="Y1470" s="226"/>
      <c r="Z1470" s="226"/>
      <c r="AA1470" s="226"/>
      <c r="AB1470" s="226"/>
      <c r="AC1470" s="226"/>
      <c r="AD1470" s="226"/>
      <c r="AE1470" s="226"/>
      <c r="AF1470" s="226"/>
      <c r="AG1470" s="226"/>
      <c r="AH1470" s="226"/>
      <c r="AI1470" s="226"/>
      <c r="AJ1470" s="318"/>
      <c r="AK1470" s="46"/>
      <c r="AL1470" s="46"/>
    </row>
    <row r="1471" spans="1:38" ht="13.5" customHeight="1" thickBot="1"/>
    <row r="1472" spans="1:38" ht="13.5" customHeight="1" thickTop="1">
      <c r="A1472" s="215">
        <v>148</v>
      </c>
      <c r="B1472" s="239"/>
      <c r="C1472" s="219" t="s">
        <v>620</v>
      </c>
      <c r="D1472" s="220"/>
      <c r="E1472" s="220"/>
      <c r="F1472" s="220"/>
      <c r="G1472" s="220"/>
      <c r="H1472" s="220"/>
      <c r="I1472" s="220"/>
      <c r="J1472" s="220"/>
      <c r="K1472" s="220"/>
      <c r="L1472" s="220"/>
      <c r="M1472" s="220"/>
      <c r="N1472" s="220"/>
      <c r="O1472" s="220"/>
      <c r="P1472" s="220"/>
      <c r="Q1472" s="220"/>
      <c r="R1472" s="220"/>
      <c r="S1472" s="220"/>
      <c r="T1472" s="220"/>
      <c r="U1472" s="220"/>
      <c r="V1472" s="220"/>
      <c r="W1472" s="220"/>
      <c r="X1472" s="220"/>
      <c r="Y1472" s="220"/>
      <c r="Z1472" s="220"/>
      <c r="AA1472" s="220"/>
      <c r="AB1472" s="220"/>
      <c r="AC1472" s="220"/>
      <c r="AD1472" s="220"/>
      <c r="AE1472" s="220"/>
      <c r="AF1472" s="220"/>
      <c r="AG1472" s="220"/>
      <c r="AH1472" s="220"/>
      <c r="AI1472" s="220"/>
      <c r="AJ1472" s="220"/>
      <c r="AK1472" s="227"/>
      <c r="AL1472" s="228"/>
    </row>
    <row r="1473" spans="1:38" ht="13.5" customHeight="1" thickBot="1">
      <c r="A1473" s="217"/>
      <c r="B1473" s="240"/>
      <c r="C1473" s="222"/>
      <c r="D1473" s="315"/>
      <c r="E1473" s="315"/>
      <c r="F1473" s="315"/>
      <c r="G1473" s="315"/>
      <c r="H1473" s="315"/>
      <c r="I1473" s="315"/>
      <c r="J1473" s="315"/>
      <c r="K1473" s="315"/>
      <c r="L1473" s="315"/>
      <c r="M1473" s="315"/>
      <c r="N1473" s="315"/>
      <c r="O1473" s="315"/>
      <c r="P1473" s="315"/>
      <c r="Q1473" s="315"/>
      <c r="R1473" s="315"/>
      <c r="S1473" s="315"/>
      <c r="T1473" s="315"/>
      <c r="U1473" s="315"/>
      <c r="V1473" s="315"/>
      <c r="W1473" s="315"/>
      <c r="X1473" s="315"/>
      <c r="Y1473" s="315"/>
      <c r="Z1473" s="315"/>
      <c r="AA1473" s="315"/>
      <c r="AB1473" s="315"/>
      <c r="AC1473" s="315"/>
      <c r="AD1473" s="315"/>
      <c r="AE1473" s="315"/>
      <c r="AF1473" s="315"/>
      <c r="AG1473" s="315"/>
      <c r="AH1473" s="315"/>
      <c r="AI1473" s="315"/>
      <c r="AJ1473" s="315"/>
      <c r="AK1473" s="229"/>
      <c r="AL1473" s="230"/>
    </row>
    <row r="1474" spans="1:38" ht="13.5" customHeight="1" thickTop="1">
      <c r="A1474" s="59"/>
      <c r="B1474" s="59"/>
      <c r="C1474" s="222"/>
      <c r="D1474" s="315"/>
      <c r="E1474" s="315"/>
      <c r="F1474" s="315"/>
      <c r="G1474" s="315"/>
      <c r="H1474" s="315"/>
      <c r="I1474" s="315"/>
      <c r="J1474" s="315"/>
      <c r="K1474" s="315"/>
      <c r="L1474" s="315"/>
      <c r="M1474" s="315"/>
      <c r="N1474" s="315"/>
      <c r="O1474" s="315"/>
      <c r="P1474" s="315"/>
      <c r="Q1474" s="315"/>
      <c r="R1474" s="315"/>
      <c r="S1474" s="315"/>
      <c r="T1474" s="315"/>
      <c r="U1474" s="315"/>
      <c r="V1474" s="315"/>
      <c r="W1474" s="315"/>
      <c r="X1474" s="315"/>
      <c r="Y1474" s="315"/>
      <c r="Z1474" s="315"/>
      <c r="AA1474" s="315"/>
      <c r="AB1474" s="315"/>
      <c r="AC1474" s="315"/>
      <c r="AD1474" s="315"/>
      <c r="AE1474" s="315"/>
      <c r="AF1474" s="315"/>
      <c r="AG1474" s="315"/>
      <c r="AH1474" s="315"/>
      <c r="AI1474" s="315"/>
      <c r="AJ1474" s="315"/>
      <c r="AK1474" s="3"/>
      <c r="AL1474" s="60"/>
    </row>
    <row r="1475" spans="1:38" ht="13.5" customHeight="1">
      <c r="A1475" s="47"/>
      <c r="B1475" s="47"/>
      <c r="C1475" s="225"/>
      <c r="D1475" s="226"/>
      <c r="E1475" s="226"/>
      <c r="F1475" s="226"/>
      <c r="G1475" s="226"/>
      <c r="H1475" s="226"/>
      <c r="I1475" s="226"/>
      <c r="J1475" s="226"/>
      <c r="K1475" s="226"/>
      <c r="L1475" s="226"/>
      <c r="M1475" s="226"/>
      <c r="N1475" s="226"/>
      <c r="O1475" s="226"/>
      <c r="P1475" s="226"/>
      <c r="Q1475" s="226"/>
      <c r="R1475" s="226"/>
      <c r="S1475" s="226"/>
      <c r="T1475" s="226"/>
      <c r="U1475" s="226"/>
      <c r="V1475" s="226"/>
      <c r="W1475" s="226"/>
      <c r="X1475" s="226"/>
      <c r="Y1475" s="226"/>
      <c r="Z1475" s="226"/>
      <c r="AA1475" s="226"/>
      <c r="AB1475" s="226"/>
      <c r="AC1475" s="226"/>
      <c r="AD1475" s="226"/>
      <c r="AE1475" s="226"/>
      <c r="AF1475" s="226"/>
      <c r="AG1475" s="226"/>
      <c r="AH1475" s="226"/>
      <c r="AI1475" s="226"/>
      <c r="AJ1475" s="318"/>
      <c r="AK1475" s="46"/>
      <c r="AL1475" s="46"/>
    </row>
    <row r="1476" spans="1:38" ht="13.5" customHeight="1">
      <c r="A1476" s="47"/>
      <c r="B1476" s="47"/>
      <c r="C1476" s="37"/>
      <c r="D1476" s="37"/>
      <c r="E1476" s="37"/>
      <c r="F1476" s="37"/>
      <c r="G1476" s="37"/>
      <c r="H1476" s="37"/>
      <c r="I1476" s="37"/>
      <c r="J1476" s="37"/>
      <c r="K1476" s="37"/>
      <c r="L1476" s="37"/>
      <c r="M1476" s="37"/>
      <c r="N1476" s="37"/>
      <c r="O1476" s="37"/>
      <c r="P1476" s="37"/>
      <c r="Q1476" s="37"/>
      <c r="R1476" s="37"/>
      <c r="S1476" s="37"/>
      <c r="T1476" s="37"/>
      <c r="U1476" s="37"/>
      <c r="V1476" s="37"/>
      <c r="W1476" s="37"/>
      <c r="X1476" s="37"/>
      <c r="Y1476" s="37"/>
      <c r="Z1476" s="37"/>
      <c r="AA1476" s="37"/>
      <c r="AB1476" s="37"/>
      <c r="AC1476" s="37"/>
      <c r="AD1476" s="37"/>
      <c r="AE1476" s="37"/>
      <c r="AF1476" s="37"/>
      <c r="AG1476" s="37"/>
      <c r="AH1476" s="37"/>
      <c r="AI1476" s="37"/>
      <c r="AJ1476" s="37"/>
      <c r="AK1476" s="46"/>
      <c r="AL1476" s="46"/>
    </row>
    <row r="1477" spans="1:38" ht="13.5" customHeight="1">
      <c r="A1477" s="2" t="s">
        <v>81</v>
      </c>
    </row>
    <row r="1478" spans="1:38" ht="13.5" customHeight="1" thickBot="1">
      <c r="A1478" s="11" t="s">
        <v>252</v>
      </c>
    </row>
    <row r="1479" spans="1:38" ht="13.5" customHeight="1" thickTop="1">
      <c r="A1479" s="215">
        <v>149</v>
      </c>
      <c r="B1479" s="216"/>
      <c r="C1479" s="219" t="s">
        <v>621</v>
      </c>
      <c r="D1479" s="220"/>
      <c r="E1479" s="220"/>
      <c r="F1479" s="220"/>
      <c r="G1479" s="220"/>
      <c r="H1479" s="220"/>
      <c r="I1479" s="220"/>
      <c r="J1479" s="220"/>
      <c r="K1479" s="220"/>
      <c r="L1479" s="220"/>
      <c r="M1479" s="220"/>
      <c r="N1479" s="220"/>
      <c r="O1479" s="220"/>
      <c r="P1479" s="220"/>
      <c r="Q1479" s="220"/>
      <c r="R1479" s="220"/>
      <c r="S1479" s="220"/>
      <c r="T1479" s="220"/>
      <c r="U1479" s="220"/>
      <c r="V1479" s="220"/>
      <c r="W1479" s="220"/>
      <c r="X1479" s="220"/>
      <c r="Y1479" s="220"/>
      <c r="Z1479" s="220"/>
      <c r="AA1479" s="220"/>
      <c r="AB1479" s="220"/>
      <c r="AC1479" s="220"/>
      <c r="AD1479" s="220"/>
      <c r="AE1479" s="220"/>
      <c r="AF1479" s="220"/>
      <c r="AG1479" s="220"/>
      <c r="AH1479" s="220"/>
      <c r="AI1479" s="220"/>
      <c r="AJ1479" s="220"/>
      <c r="AK1479" s="227"/>
      <c r="AL1479" s="228"/>
    </row>
    <row r="1480" spans="1:38" ht="13.5" customHeight="1" thickBot="1">
      <c r="A1480" s="217"/>
      <c r="B1480" s="218"/>
      <c r="C1480" s="222"/>
      <c r="D1480" s="315"/>
      <c r="E1480" s="315"/>
      <c r="F1480" s="315"/>
      <c r="G1480" s="315"/>
      <c r="H1480" s="315"/>
      <c r="I1480" s="315"/>
      <c r="J1480" s="315"/>
      <c r="K1480" s="315"/>
      <c r="L1480" s="315"/>
      <c r="M1480" s="315"/>
      <c r="N1480" s="315"/>
      <c r="O1480" s="315"/>
      <c r="P1480" s="315"/>
      <c r="Q1480" s="315"/>
      <c r="R1480" s="315"/>
      <c r="S1480" s="315"/>
      <c r="T1480" s="315"/>
      <c r="U1480" s="315"/>
      <c r="V1480" s="315"/>
      <c r="W1480" s="315"/>
      <c r="X1480" s="315"/>
      <c r="Y1480" s="315"/>
      <c r="Z1480" s="315"/>
      <c r="AA1480" s="315"/>
      <c r="AB1480" s="315"/>
      <c r="AC1480" s="315"/>
      <c r="AD1480" s="315"/>
      <c r="AE1480" s="315"/>
      <c r="AF1480" s="315"/>
      <c r="AG1480" s="315"/>
      <c r="AH1480" s="315"/>
      <c r="AI1480" s="315"/>
      <c r="AJ1480" s="315"/>
      <c r="AK1480" s="229"/>
      <c r="AL1480" s="230"/>
    </row>
    <row r="1481" spans="1:38" ht="13.5" customHeight="1" thickTop="1">
      <c r="A1481" s="46"/>
      <c r="B1481" s="51"/>
      <c r="C1481" s="225"/>
      <c r="D1481" s="226"/>
      <c r="E1481" s="226"/>
      <c r="F1481" s="226"/>
      <c r="G1481" s="226"/>
      <c r="H1481" s="226"/>
      <c r="I1481" s="226"/>
      <c r="J1481" s="226"/>
      <c r="K1481" s="226"/>
      <c r="L1481" s="226"/>
      <c r="M1481" s="226"/>
      <c r="N1481" s="226"/>
      <c r="O1481" s="226"/>
      <c r="P1481" s="226"/>
      <c r="Q1481" s="226"/>
      <c r="R1481" s="226"/>
      <c r="S1481" s="226"/>
      <c r="T1481" s="226"/>
      <c r="U1481" s="226"/>
      <c r="V1481" s="226"/>
      <c r="W1481" s="226"/>
      <c r="X1481" s="226"/>
      <c r="Y1481" s="226"/>
      <c r="Z1481" s="226"/>
      <c r="AA1481" s="226"/>
      <c r="AB1481" s="226"/>
      <c r="AC1481" s="226"/>
      <c r="AD1481" s="226"/>
      <c r="AE1481" s="226"/>
      <c r="AF1481" s="226"/>
      <c r="AG1481" s="226"/>
      <c r="AH1481" s="226"/>
      <c r="AI1481" s="226"/>
      <c r="AJ1481" s="226"/>
      <c r="AK1481" s="3"/>
      <c r="AL1481" s="39"/>
    </row>
    <row r="1482" spans="1:38" ht="13.5" customHeight="1" thickBot="1"/>
    <row r="1483" spans="1:38" ht="13.5" customHeight="1" thickTop="1">
      <c r="A1483" s="215">
        <v>150</v>
      </c>
      <c r="B1483" s="216"/>
      <c r="C1483" s="219" t="s">
        <v>622</v>
      </c>
      <c r="D1483" s="220"/>
      <c r="E1483" s="220"/>
      <c r="F1483" s="220"/>
      <c r="G1483" s="220"/>
      <c r="H1483" s="220"/>
      <c r="I1483" s="220"/>
      <c r="J1483" s="220"/>
      <c r="K1483" s="220"/>
      <c r="L1483" s="220"/>
      <c r="M1483" s="220"/>
      <c r="N1483" s="220"/>
      <c r="O1483" s="220"/>
      <c r="P1483" s="220"/>
      <c r="Q1483" s="220"/>
      <c r="R1483" s="220"/>
      <c r="S1483" s="220"/>
      <c r="T1483" s="220"/>
      <c r="U1483" s="220"/>
      <c r="V1483" s="220"/>
      <c r="W1483" s="220"/>
      <c r="X1483" s="220"/>
      <c r="Y1483" s="220"/>
      <c r="Z1483" s="220"/>
      <c r="AA1483" s="220"/>
      <c r="AB1483" s="220"/>
      <c r="AC1483" s="220"/>
      <c r="AD1483" s="220"/>
      <c r="AE1483" s="220"/>
      <c r="AF1483" s="220"/>
      <c r="AG1483" s="220"/>
      <c r="AH1483" s="220"/>
      <c r="AI1483" s="220"/>
      <c r="AJ1483" s="220"/>
      <c r="AK1483" s="227"/>
      <c r="AL1483" s="228"/>
    </row>
    <row r="1484" spans="1:38" ht="13.5" customHeight="1" thickBot="1">
      <c r="A1484" s="217"/>
      <c r="B1484" s="218"/>
      <c r="C1484" s="222"/>
      <c r="D1484" s="315"/>
      <c r="E1484" s="315"/>
      <c r="F1484" s="315"/>
      <c r="G1484" s="315"/>
      <c r="H1484" s="315"/>
      <c r="I1484" s="315"/>
      <c r="J1484" s="315"/>
      <c r="K1484" s="315"/>
      <c r="L1484" s="315"/>
      <c r="M1484" s="315"/>
      <c r="N1484" s="315"/>
      <c r="O1484" s="315"/>
      <c r="P1484" s="315"/>
      <c r="Q1484" s="315"/>
      <c r="R1484" s="315"/>
      <c r="S1484" s="315"/>
      <c r="T1484" s="315"/>
      <c r="U1484" s="315"/>
      <c r="V1484" s="315"/>
      <c r="W1484" s="315"/>
      <c r="X1484" s="315"/>
      <c r="Y1484" s="315"/>
      <c r="Z1484" s="315"/>
      <c r="AA1484" s="315"/>
      <c r="AB1484" s="315"/>
      <c r="AC1484" s="315"/>
      <c r="AD1484" s="315"/>
      <c r="AE1484" s="315"/>
      <c r="AF1484" s="315"/>
      <c r="AG1484" s="315"/>
      <c r="AH1484" s="315"/>
      <c r="AI1484" s="315"/>
      <c r="AJ1484" s="315"/>
      <c r="AK1484" s="229"/>
      <c r="AL1484" s="230"/>
    </row>
    <row r="1485" spans="1:38" ht="13.5" customHeight="1" thickTop="1">
      <c r="A1485" s="13"/>
      <c r="B1485" s="20"/>
      <c r="C1485" s="225"/>
      <c r="D1485" s="226"/>
      <c r="E1485" s="226"/>
      <c r="F1485" s="226"/>
      <c r="G1485" s="226"/>
      <c r="H1485" s="226"/>
      <c r="I1485" s="226"/>
      <c r="J1485" s="226"/>
      <c r="K1485" s="226"/>
      <c r="L1485" s="226"/>
      <c r="M1485" s="226"/>
      <c r="N1485" s="226"/>
      <c r="O1485" s="226"/>
      <c r="P1485" s="226"/>
      <c r="Q1485" s="226"/>
      <c r="R1485" s="226"/>
      <c r="S1485" s="226"/>
      <c r="T1485" s="226"/>
      <c r="U1485" s="226"/>
      <c r="V1485" s="226"/>
      <c r="W1485" s="226"/>
      <c r="X1485" s="226"/>
      <c r="Y1485" s="226"/>
      <c r="Z1485" s="226"/>
      <c r="AA1485" s="226"/>
      <c r="AB1485" s="226"/>
      <c r="AC1485" s="226"/>
      <c r="AD1485" s="226"/>
      <c r="AE1485" s="226"/>
      <c r="AF1485" s="226"/>
      <c r="AG1485" s="226"/>
      <c r="AH1485" s="226"/>
      <c r="AI1485" s="226"/>
      <c r="AJ1485" s="226"/>
      <c r="AK1485" s="3"/>
      <c r="AL1485" s="39"/>
    </row>
    <row r="1486" spans="1:38" ht="13.5" customHeight="1" thickBot="1"/>
    <row r="1487" spans="1:38" ht="13.5" customHeight="1" thickTop="1">
      <c r="A1487" s="215">
        <v>151</v>
      </c>
      <c r="B1487" s="216"/>
      <c r="C1487" s="219" t="s">
        <v>623</v>
      </c>
      <c r="D1487" s="220"/>
      <c r="E1487" s="220"/>
      <c r="F1487" s="220"/>
      <c r="G1487" s="220"/>
      <c r="H1487" s="220"/>
      <c r="I1487" s="220"/>
      <c r="J1487" s="220"/>
      <c r="K1487" s="220"/>
      <c r="L1487" s="220"/>
      <c r="M1487" s="220"/>
      <c r="N1487" s="220"/>
      <c r="O1487" s="220"/>
      <c r="P1487" s="220"/>
      <c r="Q1487" s="220"/>
      <c r="R1487" s="220"/>
      <c r="S1487" s="220"/>
      <c r="T1487" s="220"/>
      <c r="U1487" s="220"/>
      <c r="V1487" s="220"/>
      <c r="W1487" s="220"/>
      <c r="X1487" s="220"/>
      <c r="Y1487" s="220"/>
      <c r="Z1487" s="220"/>
      <c r="AA1487" s="220"/>
      <c r="AB1487" s="220"/>
      <c r="AC1487" s="220"/>
      <c r="AD1487" s="220"/>
      <c r="AE1487" s="220"/>
      <c r="AF1487" s="220"/>
      <c r="AG1487" s="220"/>
      <c r="AH1487" s="220"/>
      <c r="AI1487" s="220"/>
      <c r="AJ1487" s="220"/>
      <c r="AK1487" s="227"/>
      <c r="AL1487" s="228"/>
    </row>
    <row r="1488" spans="1:38" ht="13.5" customHeight="1" thickBot="1">
      <c r="A1488" s="217"/>
      <c r="B1488" s="218"/>
      <c r="C1488" s="222"/>
      <c r="D1488" s="315"/>
      <c r="E1488" s="315"/>
      <c r="F1488" s="315"/>
      <c r="G1488" s="315"/>
      <c r="H1488" s="315"/>
      <c r="I1488" s="315"/>
      <c r="J1488" s="315"/>
      <c r="K1488" s="315"/>
      <c r="L1488" s="315"/>
      <c r="M1488" s="315"/>
      <c r="N1488" s="315"/>
      <c r="O1488" s="315"/>
      <c r="P1488" s="315"/>
      <c r="Q1488" s="315"/>
      <c r="R1488" s="315"/>
      <c r="S1488" s="315"/>
      <c r="T1488" s="315"/>
      <c r="U1488" s="315"/>
      <c r="V1488" s="315"/>
      <c r="W1488" s="315"/>
      <c r="X1488" s="315"/>
      <c r="Y1488" s="315"/>
      <c r="Z1488" s="315"/>
      <c r="AA1488" s="315"/>
      <c r="AB1488" s="315"/>
      <c r="AC1488" s="315"/>
      <c r="AD1488" s="315"/>
      <c r="AE1488" s="315"/>
      <c r="AF1488" s="315"/>
      <c r="AG1488" s="315"/>
      <c r="AH1488" s="315"/>
      <c r="AI1488" s="315"/>
      <c r="AJ1488" s="315"/>
      <c r="AK1488" s="229"/>
      <c r="AL1488" s="230"/>
    </row>
    <row r="1489" spans="1:38" ht="13.5" customHeight="1" thickTop="1">
      <c r="A1489" s="18"/>
      <c r="B1489" s="19"/>
      <c r="C1489" s="225"/>
      <c r="D1489" s="226"/>
      <c r="E1489" s="226"/>
      <c r="F1489" s="226"/>
      <c r="G1489" s="226"/>
      <c r="H1489" s="226"/>
      <c r="I1489" s="226"/>
      <c r="J1489" s="226"/>
      <c r="K1489" s="226"/>
      <c r="L1489" s="226"/>
      <c r="M1489" s="226"/>
      <c r="N1489" s="226"/>
      <c r="O1489" s="226"/>
      <c r="P1489" s="226"/>
      <c r="Q1489" s="226"/>
      <c r="R1489" s="226"/>
      <c r="S1489" s="226"/>
      <c r="T1489" s="226"/>
      <c r="U1489" s="226"/>
      <c r="V1489" s="226"/>
      <c r="W1489" s="226"/>
      <c r="X1489" s="226"/>
      <c r="Y1489" s="226"/>
      <c r="Z1489" s="226"/>
      <c r="AA1489" s="226"/>
      <c r="AB1489" s="226"/>
      <c r="AC1489" s="226"/>
      <c r="AD1489" s="226"/>
      <c r="AE1489" s="226"/>
      <c r="AF1489" s="226"/>
      <c r="AG1489" s="226"/>
      <c r="AH1489" s="226"/>
      <c r="AI1489" s="226"/>
      <c r="AJ1489" s="226"/>
      <c r="AK1489" s="3"/>
      <c r="AL1489" s="39"/>
    </row>
    <row r="1490" spans="1:38" ht="13.5" customHeight="1">
      <c r="A1490" s="5"/>
      <c r="B1490" s="5"/>
    </row>
    <row r="1491" spans="1:38" ht="13.5" customHeight="1" thickBot="1">
      <c r="A1491" s="5"/>
      <c r="B1491" s="5"/>
      <c r="C1491" s="1" t="s">
        <v>164</v>
      </c>
    </row>
    <row r="1492" spans="1:38" ht="13.5" customHeight="1" thickTop="1">
      <c r="A1492" s="5"/>
      <c r="B1492" s="7"/>
      <c r="C1492" s="231" t="s">
        <v>207</v>
      </c>
      <c r="D1492" s="232"/>
      <c r="E1492" s="232"/>
      <c r="F1492" s="232"/>
      <c r="G1492" s="232"/>
      <c r="H1492" s="232"/>
      <c r="I1492" s="232"/>
      <c r="J1492" s="232"/>
      <c r="K1492" s="232"/>
      <c r="L1492" s="232"/>
      <c r="M1492" s="232"/>
      <c r="N1492" s="232"/>
      <c r="O1492" s="232"/>
      <c r="P1492" s="232"/>
      <c r="Q1492" s="232"/>
      <c r="R1492" s="232"/>
      <c r="S1492" s="232"/>
      <c r="T1492" s="232"/>
      <c r="U1492" s="232"/>
      <c r="V1492" s="232"/>
      <c r="W1492" s="232"/>
      <c r="X1492" s="232"/>
      <c r="Y1492" s="232"/>
      <c r="Z1492" s="232"/>
      <c r="AA1492" s="232"/>
      <c r="AB1492" s="232"/>
      <c r="AC1492" s="232"/>
      <c r="AD1492" s="232"/>
      <c r="AE1492" s="232"/>
      <c r="AF1492" s="232"/>
      <c r="AG1492" s="232"/>
      <c r="AH1492" s="232"/>
      <c r="AI1492" s="232"/>
      <c r="AJ1492" s="233"/>
      <c r="AK1492" s="507"/>
      <c r="AL1492" s="508"/>
    </row>
    <row r="1493" spans="1:38" ht="13.5" customHeight="1" thickBot="1">
      <c r="A1493" s="5"/>
      <c r="B1493" s="7"/>
      <c r="C1493" s="322"/>
      <c r="D1493" s="315"/>
      <c r="E1493" s="315"/>
      <c r="F1493" s="315"/>
      <c r="G1493" s="315"/>
      <c r="H1493" s="315"/>
      <c r="I1493" s="315"/>
      <c r="J1493" s="315"/>
      <c r="K1493" s="315"/>
      <c r="L1493" s="315"/>
      <c r="M1493" s="315"/>
      <c r="N1493" s="315"/>
      <c r="O1493" s="315"/>
      <c r="P1493" s="315"/>
      <c r="Q1493" s="315"/>
      <c r="R1493" s="315"/>
      <c r="S1493" s="315"/>
      <c r="T1493" s="315"/>
      <c r="U1493" s="315"/>
      <c r="V1493" s="315"/>
      <c r="W1493" s="315"/>
      <c r="X1493" s="315"/>
      <c r="Y1493" s="315"/>
      <c r="Z1493" s="315"/>
      <c r="AA1493" s="315"/>
      <c r="AB1493" s="315"/>
      <c r="AC1493" s="315"/>
      <c r="AD1493" s="315"/>
      <c r="AE1493" s="315"/>
      <c r="AF1493" s="315"/>
      <c r="AG1493" s="315"/>
      <c r="AH1493" s="315"/>
      <c r="AI1493" s="315"/>
      <c r="AJ1493" s="224"/>
      <c r="AK1493" s="524"/>
      <c r="AL1493" s="525"/>
    </row>
    <row r="1494" spans="1:38" ht="13.5" customHeight="1" thickTop="1" thickBot="1">
      <c r="A1494" s="5"/>
      <c r="B1494" s="7"/>
      <c r="C1494" s="234"/>
      <c r="D1494" s="235"/>
      <c r="E1494" s="235"/>
      <c r="F1494" s="235"/>
      <c r="G1494" s="235"/>
      <c r="H1494" s="235"/>
      <c r="I1494" s="235"/>
      <c r="J1494" s="235"/>
      <c r="K1494" s="235"/>
      <c r="L1494" s="235"/>
      <c r="M1494" s="235"/>
      <c r="N1494" s="235"/>
      <c r="O1494" s="235"/>
      <c r="P1494" s="235"/>
      <c r="Q1494" s="235"/>
      <c r="R1494" s="235"/>
      <c r="S1494" s="235"/>
      <c r="T1494" s="235"/>
      <c r="U1494" s="235"/>
      <c r="V1494" s="235"/>
      <c r="W1494" s="235"/>
      <c r="X1494" s="235"/>
      <c r="Y1494" s="235"/>
      <c r="Z1494" s="235"/>
      <c r="AA1494" s="235"/>
      <c r="AB1494" s="235"/>
      <c r="AC1494" s="235"/>
      <c r="AD1494" s="235"/>
      <c r="AE1494" s="235"/>
      <c r="AF1494" s="235"/>
      <c r="AG1494" s="235"/>
      <c r="AH1494" s="235"/>
      <c r="AI1494" s="235"/>
      <c r="AJ1494" s="235"/>
      <c r="AK1494" s="15"/>
      <c r="AL1494" s="16"/>
    </row>
    <row r="1495" spans="1:38" ht="13.5" customHeight="1" thickTop="1">
      <c r="A1495" s="5"/>
      <c r="B1495" s="7"/>
      <c r="C1495" s="231" t="s">
        <v>420</v>
      </c>
      <c r="D1495" s="232"/>
      <c r="E1495" s="232"/>
      <c r="F1495" s="232"/>
      <c r="G1495" s="232"/>
      <c r="H1495" s="232"/>
      <c r="I1495" s="232"/>
      <c r="J1495" s="232"/>
      <c r="K1495" s="232"/>
      <c r="L1495" s="232"/>
      <c r="M1495" s="232"/>
      <c r="N1495" s="232"/>
      <c r="O1495" s="232"/>
      <c r="P1495" s="232"/>
      <c r="Q1495" s="232"/>
      <c r="R1495" s="232"/>
      <c r="S1495" s="232"/>
      <c r="T1495" s="232"/>
      <c r="U1495" s="232"/>
      <c r="V1495" s="232"/>
      <c r="W1495" s="232"/>
      <c r="X1495" s="232"/>
      <c r="Y1495" s="232"/>
      <c r="Z1495" s="232"/>
      <c r="AA1495" s="232"/>
      <c r="AB1495" s="232"/>
      <c r="AC1495" s="232"/>
      <c r="AD1495" s="232"/>
      <c r="AE1495" s="232"/>
      <c r="AF1495" s="232"/>
      <c r="AG1495" s="232"/>
      <c r="AH1495" s="232"/>
      <c r="AI1495" s="232"/>
      <c r="AJ1495" s="233"/>
      <c r="AK1495" s="507"/>
      <c r="AL1495" s="508"/>
    </row>
    <row r="1496" spans="1:38" ht="13.5" customHeight="1" thickBot="1">
      <c r="A1496" s="5"/>
      <c r="B1496" s="7"/>
      <c r="C1496" s="322"/>
      <c r="D1496" s="315"/>
      <c r="E1496" s="315"/>
      <c r="F1496" s="315"/>
      <c r="G1496" s="315"/>
      <c r="H1496" s="315"/>
      <c r="I1496" s="315"/>
      <c r="J1496" s="315"/>
      <c r="K1496" s="315"/>
      <c r="L1496" s="315"/>
      <c r="M1496" s="315"/>
      <c r="N1496" s="315"/>
      <c r="O1496" s="315"/>
      <c r="P1496" s="315"/>
      <c r="Q1496" s="315"/>
      <c r="R1496" s="315"/>
      <c r="S1496" s="315"/>
      <c r="T1496" s="315"/>
      <c r="U1496" s="315"/>
      <c r="V1496" s="315"/>
      <c r="W1496" s="315"/>
      <c r="X1496" s="315"/>
      <c r="Y1496" s="315"/>
      <c r="Z1496" s="315"/>
      <c r="AA1496" s="315"/>
      <c r="AB1496" s="315"/>
      <c r="AC1496" s="315"/>
      <c r="AD1496" s="315"/>
      <c r="AE1496" s="315"/>
      <c r="AF1496" s="315"/>
      <c r="AG1496" s="315"/>
      <c r="AH1496" s="315"/>
      <c r="AI1496" s="315"/>
      <c r="AJ1496" s="224"/>
      <c r="AK1496" s="509"/>
      <c r="AL1496" s="510"/>
    </row>
    <row r="1497" spans="1:38" ht="13.5" customHeight="1" thickTop="1" thickBot="1">
      <c r="A1497" s="5"/>
      <c r="B1497" s="7"/>
      <c r="C1497" s="234"/>
      <c r="D1497" s="235"/>
      <c r="E1497" s="235"/>
      <c r="F1497" s="235"/>
      <c r="G1497" s="235"/>
      <c r="H1497" s="235"/>
      <c r="I1497" s="235"/>
      <c r="J1497" s="235"/>
      <c r="K1497" s="235"/>
      <c r="L1497" s="235"/>
      <c r="M1497" s="235"/>
      <c r="N1497" s="235"/>
      <c r="O1497" s="235"/>
      <c r="P1497" s="235"/>
      <c r="Q1497" s="235"/>
      <c r="R1497" s="235"/>
      <c r="S1497" s="235"/>
      <c r="T1497" s="235"/>
      <c r="U1497" s="235"/>
      <c r="V1497" s="235"/>
      <c r="W1497" s="235"/>
      <c r="X1497" s="235"/>
      <c r="Y1497" s="235"/>
      <c r="Z1497" s="235"/>
      <c r="AA1497" s="235"/>
      <c r="AB1497" s="235"/>
      <c r="AC1497" s="235"/>
      <c r="AD1497" s="235"/>
      <c r="AE1497" s="235"/>
      <c r="AF1497" s="235"/>
      <c r="AG1497" s="235"/>
      <c r="AH1497" s="235"/>
      <c r="AI1497" s="235"/>
      <c r="AJ1497" s="235"/>
      <c r="AK1497" s="21"/>
      <c r="AL1497" s="22"/>
    </row>
    <row r="1498" spans="1:38" ht="13.5" customHeight="1" thickTop="1">
      <c r="A1498" s="5"/>
      <c r="B1498" s="7"/>
      <c r="C1498" s="231" t="s">
        <v>421</v>
      </c>
      <c r="D1498" s="232"/>
      <c r="E1498" s="232"/>
      <c r="F1498" s="232"/>
      <c r="G1498" s="232"/>
      <c r="H1498" s="232"/>
      <c r="I1498" s="232"/>
      <c r="J1498" s="232"/>
      <c r="K1498" s="232"/>
      <c r="L1498" s="232"/>
      <c r="M1498" s="232"/>
      <c r="N1498" s="232"/>
      <c r="O1498" s="232"/>
      <c r="P1498" s="232"/>
      <c r="Q1498" s="232"/>
      <c r="R1498" s="232"/>
      <c r="S1498" s="232"/>
      <c r="T1498" s="232"/>
      <c r="U1498" s="232"/>
      <c r="V1498" s="232"/>
      <c r="W1498" s="232"/>
      <c r="X1498" s="232"/>
      <c r="Y1498" s="232"/>
      <c r="Z1498" s="232"/>
      <c r="AA1498" s="232"/>
      <c r="AB1498" s="232"/>
      <c r="AC1498" s="232"/>
      <c r="AD1498" s="232"/>
      <c r="AE1498" s="232"/>
      <c r="AF1498" s="232"/>
      <c r="AG1498" s="232"/>
      <c r="AH1498" s="232"/>
      <c r="AI1498" s="232"/>
      <c r="AJ1498" s="233"/>
      <c r="AK1498" s="507"/>
      <c r="AL1498" s="508"/>
    </row>
    <row r="1499" spans="1:38" ht="13.5" customHeight="1" thickBot="1">
      <c r="A1499" s="5"/>
      <c r="B1499" s="7"/>
      <c r="C1499" s="322"/>
      <c r="D1499" s="315"/>
      <c r="E1499" s="315"/>
      <c r="F1499" s="315"/>
      <c r="G1499" s="315"/>
      <c r="H1499" s="315"/>
      <c r="I1499" s="315"/>
      <c r="J1499" s="315"/>
      <c r="K1499" s="315"/>
      <c r="L1499" s="315"/>
      <c r="M1499" s="315"/>
      <c r="N1499" s="315"/>
      <c r="O1499" s="315"/>
      <c r="P1499" s="315"/>
      <c r="Q1499" s="315"/>
      <c r="R1499" s="315"/>
      <c r="S1499" s="315"/>
      <c r="T1499" s="315"/>
      <c r="U1499" s="315"/>
      <c r="V1499" s="315"/>
      <c r="W1499" s="315"/>
      <c r="X1499" s="315"/>
      <c r="Y1499" s="315"/>
      <c r="Z1499" s="315"/>
      <c r="AA1499" s="315"/>
      <c r="AB1499" s="315"/>
      <c r="AC1499" s="315"/>
      <c r="AD1499" s="315"/>
      <c r="AE1499" s="315"/>
      <c r="AF1499" s="315"/>
      <c r="AG1499" s="315"/>
      <c r="AH1499" s="315"/>
      <c r="AI1499" s="315"/>
      <c r="AJ1499" s="224"/>
      <c r="AK1499" s="524"/>
      <c r="AL1499" s="525"/>
    </row>
    <row r="1500" spans="1:38" ht="13.5" customHeight="1" thickTop="1">
      <c r="A1500" s="5"/>
      <c r="B1500" s="7"/>
      <c r="C1500" s="231" t="s">
        <v>208</v>
      </c>
      <c r="D1500" s="232"/>
      <c r="E1500" s="232"/>
      <c r="F1500" s="232"/>
      <c r="G1500" s="232"/>
      <c r="H1500" s="232"/>
      <c r="I1500" s="232"/>
      <c r="J1500" s="232"/>
      <c r="K1500" s="232"/>
      <c r="L1500" s="232"/>
      <c r="M1500" s="232"/>
      <c r="N1500" s="232"/>
      <c r="O1500" s="232"/>
      <c r="P1500" s="232"/>
      <c r="Q1500" s="232"/>
      <c r="R1500" s="232"/>
      <c r="S1500" s="232"/>
      <c r="T1500" s="232"/>
      <c r="U1500" s="232"/>
      <c r="V1500" s="232"/>
      <c r="W1500" s="232"/>
      <c r="X1500" s="232"/>
      <c r="Y1500" s="232"/>
      <c r="Z1500" s="232"/>
      <c r="AA1500" s="232"/>
      <c r="AB1500" s="232"/>
      <c r="AC1500" s="232"/>
      <c r="AD1500" s="232"/>
      <c r="AE1500" s="232"/>
      <c r="AF1500" s="232"/>
      <c r="AG1500" s="232"/>
      <c r="AH1500" s="232"/>
      <c r="AI1500" s="232"/>
      <c r="AJ1500" s="233"/>
      <c r="AK1500" s="507"/>
      <c r="AL1500" s="508"/>
    </row>
    <row r="1501" spans="1:38" ht="13.5" customHeight="1" thickBot="1">
      <c r="A1501" s="5"/>
      <c r="B1501" s="7"/>
      <c r="C1501" s="322"/>
      <c r="D1501" s="315"/>
      <c r="E1501" s="315"/>
      <c r="F1501" s="315"/>
      <c r="G1501" s="315"/>
      <c r="H1501" s="315"/>
      <c r="I1501" s="315"/>
      <c r="J1501" s="315"/>
      <c r="K1501" s="315"/>
      <c r="L1501" s="315"/>
      <c r="M1501" s="315"/>
      <c r="N1501" s="315"/>
      <c r="O1501" s="315"/>
      <c r="P1501" s="315"/>
      <c r="Q1501" s="315"/>
      <c r="R1501" s="315"/>
      <c r="S1501" s="315"/>
      <c r="T1501" s="315"/>
      <c r="U1501" s="315"/>
      <c r="V1501" s="315"/>
      <c r="W1501" s="315"/>
      <c r="X1501" s="315"/>
      <c r="Y1501" s="315"/>
      <c r="Z1501" s="315"/>
      <c r="AA1501" s="315"/>
      <c r="AB1501" s="315"/>
      <c r="AC1501" s="315"/>
      <c r="AD1501" s="315"/>
      <c r="AE1501" s="315"/>
      <c r="AF1501" s="315"/>
      <c r="AG1501" s="315"/>
      <c r="AH1501" s="315"/>
      <c r="AI1501" s="315"/>
      <c r="AJ1501" s="224"/>
      <c r="AK1501" s="524"/>
      <c r="AL1501" s="525"/>
    </row>
    <row r="1502" spans="1:38" ht="13.5" customHeight="1" thickTop="1">
      <c r="A1502" s="5"/>
      <c r="B1502" s="7"/>
      <c r="C1502" s="231" t="s">
        <v>209</v>
      </c>
      <c r="D1502" s="232"/>
      <c r="E1502" s="232"/>
      <c r="F1502" s="232"/>
      <c r="G1502" s="232"/>
      <c r="H1502" s="232"/>
      <c r="I1502" s="232"/>
      <c r="J1502" s="232"/>
      <c r="K1502" s="232"/>
      <c r="L1502" s="232"/>
      <c r="M1502" s="232"/>
      <c r="N1502" s="232"/>
      <c r="O1502" s="232"/>
      <c r="P1502" s="232"/>
      <c r="Q1502" s="232"/>
      <c r="R1502" s="232"/>
      <c r="S1502" s="232"/>
      <c r="T1502" s="232"/>
      <c r="U1502" s="232"/>
      <c r="V1502" s="232"/>
      <c r="W1502" s="232"/>
      <c r="X1502" s="232"/>
      <c r="Y1502" s="232"/>
      <c r="Z1502" s="232"/>
      <c r="AA1502" s="232"/>
      <c r="AB1502" s="232"/>
      <c r="AC1502" s="232"/>
      <c r="AD1502" s="232"/>
      <c r="AE1502" s="232"/>
      <c r="AF1502" s="232"/>
      <c r="AG1502" s="232"/>
      <c r="AH1502" s="232"/>
      <c r="AI1502" s="232"/>
      <c r="AJ1502" s="233"/>
      <c r="AK1502" s="227"/>
      <c r="AL1502" s="228"/>
    </row>
    <row r="1503" spans="1:38" ht="13.5" customHeight="1" thickBot="1">
      <c r="A1503" s="5"/>
      <c r="B1503" s="7"/>
      <c r="C1503" s="234"/>
      <c r="D1503" s="235"/>
      <c r="E1503" s="235"/>
      <c r="F1503" s="235"/>
      <c r="G1503" s="235"/>
      <c r="H1503" s="235"/>
      <c r="I1503" s="235"/>
      <c r="J1503" s="235"/>
      <c r="K1503" s="235"/>
      <c r="L1503" s="235"/>
      <c r="M1503" s="235"/>
      <c r="N1503" s="235"/>
      <c r="O1503" s="235"/>
      <c r="P1503" s="235"/>
      <c r="Q1503" s="235"/>
      <c r="R1503" s="235"/>
      <c r="S1503" s="235"/>
      <c r="T1503" s="235"/>
      <c r="U1503" s="235"/>
      <c r="V1503" s="235"/>
      <c r="W1503" s="235"/>
      <c r="X1503" s="235"/>
      <c r="Y1503" s="235"/>
      <c r="Z1503" s="235"/>
      <c r="AA1503" s="235"/>
      <c r="AB1503" s="235"/>
      <c r="AC1503" s="235"/>
      <c r="AD1503" s="235"/>
      <c r="AE1503" s="235"/>
      <c r="AF1503" s="235"/>
      <c r="AG1503" s="235"/>
      <c r="AH1503" s="235"/>
      <c r="AI1503" s="235"/>
      <c r="AJ1503" s="236"/>
      <c r="AK1503" s="229"/>
      <c r="AL1503" s="230"/>
    </row>
    <row r="1504" spans="1:38" ht="13.5" customHeight="1" thickTop="1">
      <c r="C1504" s="1" t="s">
        <v>59</v>
      </c>
      <c r="D1504" s="517" t="s">
        <v>210</v>
      </c>
      <c r="E1504" s="517"/>
      <c r="F1504" s="517"/>
      <c r="G1504" s="517"/>
      <c r="H1504" s="517"/>
      <c r="I1504" s="517"/>
      <c r="J1504" s="517"/>
      <c r="K1504" s="517"/>
      <c r="L1504" s="517"/>
      <c r="M1504" s="517"/>
      <c r="N1504" s="517"/>
      <c r="O1504" s="517"/>
      <c r="P1504" s="517"/>
      <c r="Q1504" s="517"/>
      <c r="R1504" s="517"/>
      <c r="S1504" s="517"/>
      <c r="T1504" s="517"/>
      <c r="U1504" s="517"/>
      <c r="V1504" s="517"/>
      <c r="W1504" s="517"/>
      <c r="X1504" s="517"/>
      <c r="Y1504" s="517"/>
      <c r="Z1504" s="517"/>
      <c r="AA1504" s="517"/>
      <c r="AB1504" s="517"/>
      <c r="AC1504" s="517"/>
      <c r="AD1504" s="517"/>
      <c r="AE1504" s="517"/>
      <c r="AF1504" s="517"/>
      <c r="AG1504" s="517"/>
      <c r="AH1504" s="517"/>
      <c r="AI1504" s="517"/>
      <c r="AJ1504" s="517"/>
    </row>
    <row r="1505" spans="1:38" ht="13.5" customHeight="1">
      <c r="D1505" s="518"/>
      <c r="E1505" s="518"/>
      <c r="F1505" s="518"/>
      <c r="G1505" s="518"/>
      <c r="H1505" s="518"/>
      <c r="I1505" s="518"/>
      <c r="J1505" s="518"/>
      <c r="K1505" s="518"/>
      <c r="L1505" s="518"/>
      <c r="M1505" s="518"/>
      <c r="N1505" s="518"/>
      <c r="O1505" s="518"/>
      <c r="P1505" s="518"/>
      <c r="Q1505" s="518"/>
      <c r="R1505" s="518"/>
      <c r="S1505" s="518"/>
      <c r="T1505" s="518"/>
      <c r="U1505" s="518"/>
      <c r="V1505" s="518"/>
      <c r="W1505" s="518"/>
      <c r="X1505" s="518"/>
      <c r="Y1505" s="518"/>
      <c r="Z1505" s="518"/>
      <c r="AA1505" s="518"/>
      <c r="AB1505" s="518"/>
      <c r="AC1505" s="518"/>
      <c r="AD1505" s="518"/>
      <c r="AE1505" s="518"/>
      <c r="AF1505" s="518"/>
      <c r="AG1505" s="518"/>
      <c r="AH1505" s="518"/>
      <c r="AI1505" s="518"/>
      <c r="AJ1505" s="518"/>
    </row>
    <row r="1506" spans="1:38" ht="13.5" customHeight="1">
      <c r="A1506" s="47"/>
      <c r="B1506" s="47"/>
      <c r="C1506" s="37"/>
      <c r="D1506" s="37"/>
      <c r="E1506" s="37"/>
      <c r="F1506" s="37"/>
      <c r="G1506" s="37"/>
      <c r="H1506" s="37"/>
      <c r="I1506" s="37"/>
      <c r="J1506" s="37"/>
      <c r="K1506" s="37"/>
      <c r="L1506" s="37"/>
      <c r="M1506" s="37"/>
      <c r="N1506" s="37"/>
      <c r="O1506" s="37"/>
      <c r="P1506" s="37"/>
      <c r="Q1506" s="37"/>
      <c r="R1506" s="37"/>
      <c r="S1506" s="37"/>
      <c r="T1506" s="37"/>
      <c r="U1506" s="37"/>
      <c r="V1506" s="37"/>
      <c r="W1506" s="37"/>
      <c r="X1506" s="37"/>
      <c r="Y1506" s="37"/>
      <c r="Z1506" s="37"/>
      <c r="AA1506" s="37"/>
      <c r="AB1506" s="37"/>
      <c r="AC1506" s="37"/>
      <c r="AD1506" s="37"/>
      <c r="AE1506" s="37"/>
      <c r="AF1506" s="37"/>
      <c r="AG1506" s="37"/>
      <c r="AH1506" s="37"/>
      <c r="AI1506" s="37"/>
      <c r="AJ1506" s="37"/>
      <c r="AK1506" s="46"/>
      <c r="AL1506" s="46"/>
    </row>
    <row r="1507" spans="1:38" ht="13.5" customHeight="1">
      <c r="A1507" s="2" t="s">
        <v>165</v>
      </c>
    </row>
    <row r="1508" spans="1:38" ht="13.5" customHeight="1" thickBot="1">
      <c r="A1508" s="11" t="s">
        <v>253</v>
      </c>
    </row>
    <row r="1509" spans="1:38" ht="13.5" customHeight="1" thickTop="1">
      <c r="A1509" s="215">
        <v>152</v>
      </c>
      <c r="B1509" s="239"/>
      <c r="C1509" s="219" t="s">
        <v>624</v>
      </c>
      <c r="D1509" s="220"/>
      <c r="E1509" s="220"/>
      <c r="F1509" s="220"/>
      <c r="G1509" s="220"/>
      <c r="H1509" s="220"/>
      <c r="I1509" s="220"/>
      <c r="J1509" s="220"/>
      <c r="K1509" s="220"/>
      <c r="L1509" s="220"/>
      <c r="M1509" s="220"/>
      <c r="N1509" s="220"/>
      <c r="O1509" s="220"/>
      <c r="P1509" s="220"/>
      <c r="Q1509" s="220"/>
      <c r="R1509" s="220"/>
      <c r="S1509" s="220"/>
      <c r="T1509" s="220"/>
      <c r="U1509" s="220"/>
      <c r="V1509" s="220"/>
      <c r="W1509" s="220"/>
      <c r="X1509" s="220"/>
      <c r="Y1509" s="220"/>
      <c r="Z1509" s="220"/>
      <c r="AA1509" s="220"/>
      <c r="AB1509" s="220"/>
      <c r="AC1509" s="220"/>
      <c r="AD1509" s="220"/>
      <c r="AE1509" s="220"/>
      <c r="AF1509" s="220"/>
      <c r="AG1509" s="220"/>
      <c r="AH1509" s="220"/>
      <c r="AI1509" s="220"/>
      <c r="AJ1509" s="220"/>
      <c r="AK1509" s="227"/>
      <c r="AL1509" s="228"/>
    </row>
    <row r="1510" spans="1:38" ht="13.5" customHeight="1" thickBot="1">
      <c r="A1510" s="217"/>
      <c r="B1510" s="240"/>
      <c r="C1510" s="225"/>
      <c r="D1510" s="226"/>
      <c r="E1510" s="226"/>
      <c r="F1510" s="226"/>
      <c r="G1510" s="226"/>
      <c r="H1510" s="226"/>
      <c r="I1510" s="226"/>
      <c r="J1510" s="226"/>
      <c r="K1510" s="226"/>
      <c r="L1510" s="226"/>
      <c r="M1510" s="226"/>
      <c r="N1510" s="226"/>
      <c r="O1510" s="226"/>
      <c r="P1510" s="226"/>
      <c r="Q1510" s="226"/>
      <c r="R1510" s="226"/>
      <c r="S1510" s="226"/>
      <c r="T1510" s="226"/>
      <c r="U1510" s="226"/>
      <c r="V1510" s="226"/>
      <c r="W1510" s="226"/>
      <c r="X1510" s="226"/>
      <c r="Y1510" s="226"/>
      <c r="Z1510" s="226"/>
      <c r="AA1510" s="226"/>
      <c r="AB1510" s="226"/>
      <c r="AC1510" s="226"/>
      <c r="AD1510" s="226"/>
      <c r="AE1510" s="226"/>
      <c r="AF1510" s="226"/>
      <c r="AG1510" s="226"/>
      <c r="AH1510" s="226"/>
      <c r="AI1510" s="226"/>
      <c r="AJ1510" s="226"/>
      <c r="AK1510" s="229"/>
      <c r="AL1510" s="230"/>
    </row>
    <row r="1511" spans="1:38" ht="13.5" customHeight="1" thickTop="1">
      <c r="C1511" s="37"/>
      <c r="D1511" s="37"/>
      <c r="E1511" s="37"/>
      <c r="F1511" s="37"/>
      <c r="G1511" s="37"/>
      <c r="H1511" s="37"/>
      <c r="I1511" s="37"/>
      <c r="J1511" s="37"/>
      <c r="K1511" s="37"/>
      <c r="L1511" s="37"/>
      <c r="M1511" s="37"/>
      <c r="N1511" s="37"/>
      <c r="O1511" s="37"/>
      <c r="P1511" s="37"/>
      <c r="Q1511" s="37"/>
      <c r="R1511" s="37"/>
      <c r="S1511" s="37"/>
      <c r="T1511" s="37"/>
      <c r="U1511" s="37"/>
      <c r="V1511" s="37"/>
      <c r="W1511" s="37"/>
      <c r="X1511" s="37"/>
      <c r="Y1511" s="37"/>
      <c r="Z1511" s="37"/>
      <c r="AA1511" s="37"/>
      <c r="AB1511" s="37"/>
      <c r="AC1511" s="37"/>
      <c r="AD1511" s="37"/>
      <c r="AE1511" s="37"/>
      <c r="AF1511" s="37"/>
      <c r="AG1511" s="37"/>
      <c r="AH1511" s="37"/>
      <c r="AI1511" s="37"/>
      <c r="AJ1511" s="37"/>
      <c r="AK1511" s="5"/>
    </row>
    <row r="1512" spans="1:38" ht="13.5" customHeight="1">
      <c r="A1512" s="2" t="s">
        <v>166</v>
      </c>
    </row>
    <row r="1513" spans="1:38" ht="13.5" customHeight="1" thickBot="1">
      <c r="A1513" s="11" t="s">
        <v>254</v>
      </c>
    </row>
    <row r="1514" spans="1:38" ht="13.5" customHeight="1" thickTop="1">
      <c r="A1514" s="215">
        <v>153</v>
      </c>
      <c r="B1514" s="239"/>
      <c r="C1514" s="219" t="s">
        <v>625</v>
      </c>
      <c r="D1514" s="220"/>
      <c r="E1514" s="220"/>
      <c r="F1514" s="220"/>
      <c r="G1514" s="220"/>
      <c r="H1514" s="220"/>
      <c r="I1514" s="220"/>
      <c r="J1514" s="220"/>
      <c r="K1514" s="220"/>
      <c r="L1514" s="220"/>
      <c r="M1514" s="220"/>
      <c r="N1514" s="220"/>
      <c r="O1514" s="220"/>
      <c r="P1514" s="220"/>
      <c r="Q1514" s="220"/>
      <c r="R1514" s="220"/>
      <c r="S1514" s="220"/>
      <c r="T1514" s="220"/>
      <c r="U1514" s="220"/>
      <c r="V1514" s="220"/>
      <c r="W1514" s="220"/>
      <c r="X1514" s="220"/>
      <c r="Y1514" s="220"/>
      <c r="Z1514" s="220"/>
      <c r="AA1514" s="220"/>
      <c r="AB1514" s="220"/>
      <c r="AC1514" s="220"/>
      <c r="AD1514" s="220"/>
      <c r="AE1514" s="220"/>
      <c r="AF1514" s="220"/>
      <c r="AG1514" s="220"/>
      <c r="AH1514" s="220"/>
      <c r="AI1514" s="220"/>
      <c r="AJ1514" s="220"/>
      <c r="AK1514" s="227"/>
      <c r="AL1514" s="228"/>
    </row>
    <row r="1515" spans="1:38" ht="13.5" customHeight="1" thickBot="1">
      <c r="A1515" s="217"/>
      <c r="B1515" s="240"/>
      <c r="C1515" s="225"/>
      <c r="D1515" s="226"/>
      <c r="E1515" s="226"/>
      <c r="F1515" s="226"/>
      <c r="G1515" s="226"/>
      <c r="H1515" s="226"/>
      <c r="I1515" s="226"/>
      <c r="J1515" s="226"/>
      <c r="K1515" s="226"/>
      <c r="L1515" s="226"/>
      <c r="M1515" s="226"/>
      <c r="N1515" s="226"/>
      <c r="O1515" s="226"/>
      <c r="P1515" s="226"/>
      <c r="Q1515" s="226"/>
      <c r="R1515" s="226"/>
      <c r="S1515" s="226"/>
      <c r="T1515" s="226"/>
      <c r="U1515" s="226"/>
      <c r="V1515" s="226"/>
      <c r="W1515" s="226"/>
      <c r="X1515" s="226"/>
      <c r="Y1515" s="226"/>
      <c r="Z1515" s="226"/>
      <c r="AA1515" s="226"/>
      <c r="AB1515" s="226"/>
      <c r="AC1515" s="226"/>
      <c r="AD1515" s="226"/>
      <c r="AE1515" s="226"/>
      <c r="AF1515" s="226"/>
      <c r="AG1515" s="226"/>
      <c r="AH1515" s="226"/>
      <c r="AI1515" s="226"/>
      <c r="AJ1515" s="226"/>
      <c r="AK1515" s="229"/>
      <c r="AL1515" s="230"/>
    </row>
    <row r="1516" spans="1:38" ht="13.5" customHeight="1" thickTop="1" thickBot="1">
      <c r="C1516" s="37"/>
      <c r="D1516" s="37"/>
      <c r="E1516" s="37"/>
      <c r="F1516" s="37"/>
      <c r="G1516" s="37"/>
      <c r="H1516" s="37"/>
      <c r="I1516" s="37"/>
      <c r="J1516" s="37"/>
      <c r="K1516" s="37"/>
      <c r="L1516" s="37"/>
      <c r="M1516" s="37"/>
      <c r="N1516" s="37"/>
      <c r="O1516" s="37"/>
      <c r="P1516" s="37"/>
      <c r="Q1516" s="37"/>
      <c r="R1516" s="37"/>
      <c r="S1516" s="37"/>
      <c r="T1516" s="37"/>
      <c r="U1516" s="37"/>
      <c r="V1516" s="37"/>
      <c r="W1516" s="37"/>
      <c r="X1516" s="37"/>
      <c r="Y1516" s="37"/>
      <c r="Z1516" s="37"/>
      <c r="AA1516" s="37"/>
      <c r="AB1516" s="37"/>
      <c r="AC1516" s="37"/>
      <c r="AD1516" s="37"/>
      <c r="AE1516" s="37"/>
      <c r="AF1516" s="37"/>
      <c r="AG1516" s="37"/>
      <c r="AH1516" s="37"/>
      <c r="AI1516" s="37"/>
      <c r="AJ1516" s="37"/>
    </row>
    <row r="1517" spans="1:38" ht="13.5" customHeight="1" thickTop="1">
      <c r="A1517" s="215">
        <v>154</v>
      </c>
      <c r="B1517" s="239"/>
      <c r="C1517" s="219" t="s">
        <v>626</v>
      </c>
      <c r="D1517" s="220"/>
      <c r="E1517" s="220"/>
      <c r="F1517" s="220"/>
      <c r="G1517" s="220"/>
      <c r="H1517" s="220"/>
      <c r="I1517" s="220"/>
      <c r="J1517" s="220"/>
      <c r="K1517" s="220"/>
      <c r="L1517" s="220"/>
      <c r="M1517" s="220"/>
      <c r="N1517" s="220"/>
      <c r="O1517" s="220"/>
      <c r="P1517" s="220"/>
      <c r="Q1517" s="220"/>
      <c r="R1517" s="220"/>
      <c r="S1517" s="220"/>
      <c r="T1517" s="220"/>
      <c r="U1517" s="220"/>
      <c r="V1517" s="220"/>
      <c r="W1517" s="220"/>
      <c r="X1517" s="220"/>
      <c r="Y1517" s="220"/>
      <c r="Z1517" s="220"/>
      <c r="AA1517" s="220"/>
      <c r="AB1517" s="220"/>
      <c r="AC1517" s="220"/>
      <c r="AD1517" s="220"/>
      <c r="AE1517" s="220"/>
      <c r="AF1517" s="220"/>
      <c r="AG1517" s="220"/>
      <c r="AH1517" s="220"/>
      <c r="AI1517" s="220"/>
      <c r="AJ1517" s="316"/>
      <c r="AK1517" s="227"/>
      <c r="AL1517" s="228"/>
    </row>
    <row r="1518" spans="1:38" ht="13.5" customHeight="1" thickBot="1">
      <c r="A1518" s="519"/>
      <c r="B1518" s="520"/>
      <c r="C1518" s="222"/>
      <c r="D1518" s="315"/>
      <c r="E1518" s="315"/>
      <c r="F1518" s="315"/>
      <c r="G1518" s="315"/>
      <c r="H1518" s="315"/>
      <c r="I1518" s="315"/>
      <c r="J1518" s="315"/>
      <c r="K1518" s="315"/>
      <c r="L1518" s="315"/>
      <c r="M1518" s="315"/>
      <c r="N1518" s="315"/>
      <c r="O1518" s="315"/>
      <c r="P1518" s="315"/>
      <c r="Q1518" s="315"/>
      <c r="R1518" s="315"/>
      <c r="S1518" s="315"/>
      <c r="T1518" s="315"/>
      <c r="U1518" s="315"/>
      <c r="V1518" s="315"/>
      <c r="W1518" s="315"/>
      <c r="X1518" s="315"/>
      <c r="Y1518" s="315"/>
      <c r="Z1518" s="315"/>
      <c r="AA1518" s="315"/>
      <c r="AB1518" s="315"/>
      <c r="AC1518" s="315"/>
      <c r="AD1518" s="315"/>
      <c r="AE1518" s="315"/>
      <c r="AF1518" s="315"/>
      <c r="AG1518" s="315"/>
      <c r="AH1518" s="315"/>
      <c r="AI1518" s="315"/>
      <c r="AJ1518" s="317"/>
      <c r="AK1518" s="229"/>
      <c r="AL1518" s="230"/>
    </row>
    <row r="1519" spans="1:38" ht="13.5" customHeight="1" thickTop="1">
      <c r="A1519" s="217"/>
      <c r="B1519" s="240"/>
      <c r="C1519" s="225"/>
      <c r="D1519" s="226"/>
      <c r="E1519" s="226"/>
      <c r="F1519" s="226"/>
      <c r="G1519" s="226"/>
      <c r="H1519" s="226"/>
      <c r="I1519" s="226"/>
      <c r="J1519" s="226"/>
      <c r="K1519" s="226"/>
      <c r="L1519" s="226"/>
      <c r="M1519" s="226"/>
      <c r="N1519" s="226"/>
      <c r="O1519" s="226"/>
      <c r="P1519" s="226"/>
      <c r="Q1519" s="226"/>
      <c r="R1519" s="226"/>
      <c r="S1519" s="226"/>
      <c r="T1519" s="226"/>
      <c r="U1519" s="226"/>
      <c r="V1519" s="226"/>
      <c r="W1519" s="226"/>
      <c r="X1519" s="226"/>
      <c r="Y1519" s="226"/>
      <c r="Z1519" s="226"/>
      <c r="AA1519" s="226"/>
      <c r="AB1519" s="226"/>
      <c r="AC1519" s="226"/>
      <c r="AD1519" s="226"/>
      <c r="AE1519" s="226"/>
      <c r="AF1519" s="226"/>
      <c r="AG1519" s="226"/>
      <c r="AH1519" s="226"/>
      <c r="AI1519" s="226"/>
      <c r="AJ1519" s="318"/>
      <c r="AK1519" s="3"/>
      <c r="AL1519" s="53"/>
    </row>
    <row r="1520" spans="1:38" ht="10.5" customHeight="1" thickBot="1"/>
    <row r="1521" spans="1:38" thickTop="1">
      <c r="B1521" s="7"/>
      <c r="C1521" s="231" t="s">
        <v>384</v>
      </c>
      <c r="D1521" s="232"/>
      <c r="E1521" s="232"/>
      <c r="F1521" s="232"/>
      <c r="G1521" s="232"/>
      <c r="H1521" s="232"/>
      <c r="I1521" s="232"/>
      <c r="J1521" s="232"/>
      <c r="K1521" s="232"/>
      <c r="L1521" s="232"/>
      <c r="M1521" s="232"/>
      <c r="N1521" s="232"/>
      <c r="O1521" s="232"/>
      <c r="P1521" s="232"/>
      <c r="Q1521" s="232"/>
      <c r="R1521" s="232"/>
      <c r="S1521" s="232"/>
      <c r="T1521" s="232"/>
      <c r="U1521" s="232"/>
      <c r="V1521" s="232"/>
      <c r="W1521" s="232"/>
      <c r="X1521" s="232"/>
      <c r="Y1521" s="232"/>
      <c r="Z1521" s="232"/>
      <c r="AA1521" s="232"/>
      <c r="AB1521" s="232"/>
      <c r="AC1521" s="232"/>
      <c r="AD1521" s="232"/>
      <c r="AE1521" s="232"/>
      <c r="AF1521" s="232"/>
      <c r="AG1521" s="232"/>
      <c r="AH1521" s="232"/>
      <c r="AI1521" s="232"/>
      <c r="AJ1521" s="233"/>
      <c r="AK1521" s="227"/>
      <c r="AL1521" s="228"/>
    </row>
    <row r="1522" spans="1:38" thickBot="1">
      <c r="B1522" s="7"/>
      <c r="C1522" s="235"/>
      <c r="D1522" s="235"/>
      <c r="E1522" s="235"/>
      <c r="F1522" s="235"/>
      <c r="G1522" s="235"/>
      <c r="H1522" s="235"/>
      <c r="I1522" s="235"/>
      <c r="J1522" s="235"/>
      <c r="K1522" s="235"/>
      <c r="L1522" s="235"/>
      <c r="M1522" s="235"/>
      <c r="N1522" s="235"/>
      <c r="O1522" s="235"/>
      <c r="P1522" s="235"/>
      <c r="Q1522" s="235"/>
      <c r="R1522" s="235"/>
      <c r="S1522" s="235"/>
      <c r="T1522" s="235"/>
      <c r="U1522" s="235"/>
      <c r="V1522" s="235"/>
      <c r="W1522" s="235"/>
      <c r="X1522" s="235"/>
      <c r="Y1522" s="235"/>
      <c r="Z1522" s="235"/>
      <c r="AA1522" s="235"/>
      <c r="AB1522" s="235"/>
      <c r="AC1522" s="235"/>
      <c r="AD1522" s="235"/>
      <c r="AE1522" s="235"/>
      <c r="AF1522" s="235"/>
      <c r="AG1522" s="235"/>
      <c r="AH1522" s="235"/>
      <c r="AI1522" s="235"/>
      <c r="AJ1522" s="236"/>
      <c r="AK1522" s="229"/>
      <c r="AL1522" s="230"/>
    </row>
    <row r="1523" spans="1:38" ht="13.5" customHeight="1" thickTop="1">
      <c r="C1523" s="54"/>
      <c r="D1523" s="526" t="s">
        <v>385</v>
      </c>
      <c r="E1523" s="526" t="s">
        <v>386</v>
      </c>
      <c r="F1523" s="526"/>
      <c r="G1523" s="526"/>
      <c r="H1523" s="526"/>
      <c r="I1523" s="526"/>
      <c r="J1523" s="526"/>
      <c r="K1523" s="526"/>
      <c r="L1523" s="526"/>
      <c r="M1523" s="526"/>
      <c r="N1523" s="526"/>
      <c r="O1523" s="526"/>
      <c r="P1523" s="526"/>
      <c r="Q1523" s="526"/>
      <c r="R1523" s="526"/>
      <c r="S1523" s="526"/>
      <c r="T1523" s="526"/>
      <c r="U1523" s="526"/>
      <c r="V1523" s="526"/>
      <c r="W1523" s="526"/>
      <c r="X1523" s="526"/>
      <c r="Y1523" s="526"/>
      <c r="Z1523" s="526"/>
      <c r="AA1523" s="526"/>
      <c r="AB1523" s="526"/>
      <c r="AC1523" s="526"/>
      <c r="AD1523" s="526"/>
      <c r="AE1523" s="526"/>
      <c r="AF1523" s="526"/>
      <c r="AG1523" s="526"/>
      <c r="AH1523" s="526"/>
      <c r="AI1523" s="526"/>
      <c r="AJ1523" s="528"/>
      <c r="AK1523" s="227"/>
      <c r="AL1523" s="228"/>
    </row>
    <row r="1524" spans="1:38" ht="13.5" customHeight="1" thickBot="1">
      <c r="C1524" s="56"/>
      <c r="D1524" s="527"/>
      <c r="E1524" s="527"/>
      <c r="F1524" s="527"/>
      <c r="G1524" s="527"/>
      <c r="H1524" s="527"/>
      <c r="I1524" s="527"/>
      <c r="J1524" s="527"/>
      <c r="K1524" s="527"/>
      <c r="L1524" s="527"/>
      <c r="M1524" s="527"/>
      <c r="N1524" s="527"/>
      <c r="O1524" s="527"/>
      <c r="P1524" s="527"/>
      <c r="Q1524" s="527"/>
      <c r="R1524" s="527"/>
      <c r="S1524" s="527"/>
      <c r="T1524" s="527"/>
      <c r="U1524" s="527"/>
      <c r="V1524" s="527"/>
      <c r="W1524" s="527"/>
      <c r="X1524" s="527"/>
      <c r="Y1524" s="527"/>
      <c r="Z1524" s="527"/>
      <c r="AA1524" s="527"/>
      <c r="AB1524" s="527"/>
      <c r="AC1524" s="527"/>
      <c r="AD1524" s="527"/>
      <c r="AE1524" s="527"/>
      <c r="AF1524" s="527"/>
      <c r="AG1524" s="527"/>
      <c r="AH1524" s="527"/>
      <c r="AI1524" s="527"/>
      <c r="AJ1524" s="529"/>
      <c r="AK1524" s="229"/>
      <c r="AL1524" s="230"/>
    </row>
    <row r="1525" spans="1:38" ht="13.5" customHeight="1" thickTop="1">
      <c r="C1525" s="56"/>
      <c r="D1525" s="526" t="s">
        <v>387</v>
      </c>
      <c r="E1525" s="526" t="s">
        <v>388</v>
      </c>
      <c r="F1525" s="526"/>
      <c r="G1525" s="526"/>
      <c r="H1525" s="526"/>
      <c r="I1525" s="526"/>
      <c r="J1525" s="526"/>
      <c r="K1525" s="526"/>
      <c r="L1525" s="526"/>
      <c r="M1525" s="526"/>
      <c r="N1525" s="526"/>
      <c r="O1525" s="526"/>
      <c r="P1525" s="526"/>
      <c r="Q1525" s="526"/>
      <c r="R1525" s="526"/>
      <c r="S1525" s="526"/>
      <c r="T1525" s="526"/>
      <c r="U1525" s="526"/>
      <c r="V1525" s="526"/>
      <c r="W1525" s="526"/>
      <c r="X1525" s="526"/>
      <c r="Y1525" s="526"/>
      <c r="Z1525" s="526"/>
      <c r="AA1525" s="526"/>
      <c r="AB1525" s="526"/>
      <c r="AC1525" s="526"/>
      <c r="AD1525" s="526"/>
      <c r="AE1525" s="526"/>
      <c r="AF1525" s="526"/>
      <c r="AG1525" s="526"/>
      <c r="AH1525" s="526"/>
      <c r="AI1525" s="526"/>
      <c r="AJ1525" s="528"/>
      <c r="AK1525" s="227"/>
      <c r="AL1525" s="228"/>
    </row>
    <row r="1526" spans="1:38" ht="13.5" customHeight="1" thickBot="1">
      <c r="C1526" s="56"/>
      <c r="D1526" s="527"/>
      <c r="E1526" s="527"/>
      <c r="F1526" s="527"/>
      <c r="G1526" s="527"/>
      <c r="H1526" s="527"/>
      <c r="I1526" s="527"/>
      <c r="J1526" s="527"/>
      <c r="K1526" s="527"/>
      <c r="L1526" s="527"/>
      <c r="M1526" s="527"/>
      <c r="N1526" s="527"/>
      <c r="O1526" s="527"/>
      <c r="P1526" s="527"/>
      <c r="Q1526" s="527"/>
      <c r="R1526" s="527"/>
      <c r="S1526" s="527"/>
      <c r="T1526" s="527"/>
      <c r="U1526" s="527"/>
      <c r="V1526" s="527"/>
      <c r="W1526" s="527"/>
      <c r="X1526" s="527"/>
      <c r="Y1526" s="527"/>
      <c r="Z1526" s="527"/>
      <c r="AA1526" s="527"/>
      <c r="AB1526" s="527"/>
      <c r="AC1526" s="527"/>
      <c r="AD1526" s="527"/>
      <c r="AE1526" s="527"/>
      <c r="AF1526" s="527"/>
      <c r="AG1526" s="527"/>
      <c r="AH1526" s="527"/>
      <c r="AI1526" s="527"/>
      <c r="AJ1526" s="529"/>
      <c r="AK1526" s="229"/>
      <c r="AL1526" s="230"/>
    </row>
    <row r="1527" spans="1:38" ht="13.5" customHeight="1" thickTop="1">
      <c r="C1527" s="56"/>
      <c r="D1527" s="526" t="s">
        <v>389</v>
      </c>
      <c r="E1527" s="526" t="s">
        <v>390</v>
      </c>
      <c r="F1527" s="526"/>
      <c r="G1527" s="526"/>
      <c r="H1527" s="526"/>
      <c r="I1527" s="526"/>
      <c r="J1527" s="526"/>
      <c r="K1527" s="526"/>
      <c r="L1527" s="526"/>
      <c r="M1527" s="526"/>
      <c r="N1527" s="526"/>
      <c r="O1527" s="526"/>
      <c r="P1527" s="526"/>
      <c r="Q1527" s="526"/>
      <c r="R1527" s="526"/>
      <c r="S1527" s="526"/>
      <c r="T1527" s="526"/>
      <c r="U1527" s="526"/>
      <c r="V1527" s="526"/>
      <c r="W1527" s="526"/>
      <c r="X1527" s="526"/>
      <c r="Y1527" s="526"/>
      <c r="Z1527" s="526"/>
      <c r="AA1527" s="526"/>
      <c r="AB1527" s="526"/>
      <c r="AC1527" s="526"/>
      <c r="AD1527" s="526"/>
      <c r="AE1527" s="526"/>
      <c r="AF1527" s="526"/>
      <c r="AG1527" s="526"/>
      <c r="AH1527" s="526"/>
      <c r="AI1527" s="526"/>
      <c r="AJ1527" s="528"/>
      <c r="AK1527" s="227"/>
      <c r="AL1527" s="228"/>
    </row>
    <row r="1528" spans="1:38" ht="13.5" customHeight="1" thickBot="1">
      <c r="C1528" s="56"/>
      <c r="D1528" s="527"/>
      <c r="E1528" s="527"/>
      <c r="F1528" s="527"/>
      <c r="G1528" s="527"/>
      <c r="H1528" s="527"/>
      <c r="I1528" s="527"/>
      <c r="J1528" s="527"/>
      <c r="K1528" s="527"/>
      <c r="L1528" s="527"/>
      <c r="M1528" s="527"/>
      <c r="N1528" s="527"/>
      <c r="O1528" s="527"/>
      <c r="P1528" s="527"/>
      <c r="Q1528" s="527"/>
      <c r="R1528" s="527"/>
      <c r="S1528" s="527"/>
      <c r="T1528" s="527"/>
      <c r="U1528" s="527"/>
      <c r="V1528" s="527"/>
      <c r="W1528" s="527"/>
      <c r="X1528" s="527"/>
      <c r="Y1528" s="527"/>
      <c r="Z1528" s="527"/>
      <c r="AA1528" s="527"/>
      <c r="AB1528" s="527"/>
      <c r="AC1528" s="527"/>
      <c r="AD1528" s="527"/>
      <c r="AE1528" s="527"/>
      <c r="AF1528" s="527"/>
      <c r="AG1528" s="527"/>
      <c r="AH1528" s="527"/>
      <c r="AI1528" s="527"/>
      <c r="AJ1528" s="529"/>
      <c r="AK1528" s="229"/>
      <c r="AL1528" s="230"/>
    </row>
    <row r="1529" spans="1:38" ht="13.5" customHeight="1" thickTop="1">
      <c r="C1529" s="56"/>
      <c r="D1529" s="526" t="s">
        <v>391</v>
      </c>
      <c r="E1529" s="526" t="s">
        <v>392</v>
      </c>
      <c r="F1529" s="526"/>
      <c r="G1529" s="526"/>
      <c r="H1529" s="526"/>
      <c r="I1529" s="526"/>
      <c r="J1529" s="526"/>
      <c r="K1529" s="526"/>
      <c r="L1529" s="526"/>
      <c r="M1529" s="526"/>
      <c r="N1529" s="526"/>
      <c r="O1529" s="526"/>
      <c r="P1529" s="526"/>
      <c r="Q1529" s="526"/>
      <c r="R1529" s="526"/>
      <c r="S1529" s="526"/>
      <c r="T1529" s="526"/>
      <c r="U1529" s="526"/>
      <c r="V1529" s="526"/>
      <c r="W1529" s="526"/>
      <c r="X1529" s="526"/>
      <c r="Y1529" s="526"/>
      <c r="Z1529" s="526"/>
      <c r="AA1529" s="526"/>
      <c r="AB1529" s="526"/>
      <c r="AC1529" s="526"/>
      <c r="AD1529" s="526"/>
      <c r="AE1529" s="526"/>
      <c r="AF1529" s="526"/>
      <c r="AG1529" s="526"/>
      <c r="AH1529" s="526"/>
      <c r="AI1529" s="526"/>
      <c r="AJ1529" s="528"/>
      <c r="AK1529" s="227"/>
      <c r="AL1529" s="228"/>
    </row>
    <row r="1530" spans="1:38" ht="13.5" customHeight="1" thickBot="1">
      <c r="C1530" s="56"/>
      <c r="D1530" s="527"/>
      <c r="E1530" s="527"/>
      <c r="F1530" s="527"/>
      <c r="G1530" s="527"/>
      <c r="H1530" s="527"/>
      <c r="I1530" s="527"/>
      <c r="J1530" s="527"/>
      <c r="K1530" s="527"/>
      <c r="L1530" s="527"/>
      <c r="M1530" s="527"/>
      <c r="N1530" s="527"/>
      <c r="O1530" s="527"/>
      <c r="P1530" s="527"/>
      <c r="Q1530" s="527"/>
      <c r="R1530" s="527"/>
      <c r="S1530" s="527"/>
      <c r="T1530" s="527"/>
      <c r="U1530" s="527"/>
      <c r="V1530" s="527"/>
      <c r="W1530" s="527"/>
      <c r="X1530" s="527"/>
      <c r="Y1530" s="527"/>
      <c r="Z1530" s="527"/>
      <c r="AA1530" s="527"/>
      <c r="AB1530" s="527"/>
      <c r="AC1530" s="527"/>
      <c r="AD1530" s="527"/>
      <c r="AE1530" s="527"/>
      <c r="AF1530" s="527"/>
      <c r="AG1530" s="527"/>
      <c r="AH1530" s="527"/>
      <c r="AI1530" s="527"/>
      <c r="AJ1530" s="529"/>
      <c r="AK1530" s="229"/>
      <c r="AL1530" s="230"/>
    </row>
    <row r="1531" spans="1:38" ht="13.5" customHeight="1" thickTop="1">
      <c r="C1531" s="56"/>
      <c r="D1531" s="526" t="s">
        <v>393</v>
      </c>
      <c r="E1531" s="526" t="s">
        <v>394</v>
      </c>
      <c r="F1531" s="526"/>
      <c r="G1531" s="526"/>
      <c r="H1531" s="526"/>
      <c r="I1531" s="526"/>
      <c r="J1531" s="526"/>
      <c r="K1531" s="526"/>
      <c r="L1531" s="526"/>
      <c r="M1531" s="526"/>
      <c r="N1531" s="526"/>
      <c r="O1531" s="526"/>
      <c r="P1531" s="526"/>
      <c r="Q1531" s="526"/>
      <c r="R1531" s="526"/>
      <c r="S1531" s="526"/>
      <c r="T1531" s="526"/>
      <c r="U1531" s="526"/>
      <c r="V1531" s="526"/>
      <c r="W1531" s="526"/>
      <c r="X1531" s="526"/>
      <c r="Y1531" s="526"/>
      <c r="Z1531" s="526"/>
      <c r="AA1531" s="526"/>
      <c r="AB1531" s="526"/>
      <c r="AC1531" s="526"/>
      <c r="AD1531" s="526"/>
      <c r="AE1531" s="526"/>
      <c r="AF1531" s="526"/>
      <c r="AG1531" s="526"/>
      <c r="AH1531" s="526"/>
      <c r="AI1531" s="526"/>
      <c r="AJ1531" s="528"/>
      <c r="AK1531" s="227"/>
      <c r="AL1531" s="228"/>
    </row>
    <row r="1532" spans="1:38" ht="13.5" customHeight="1" thickBot="1">
      <c r="C1532" s="55"/>
      <c r="D1532" s="527"/>
      <c r="E1532" s="527"/>
      <c r="F1532" s="527"/>
      <c r="G1532" s="527"/>
      <c r="H1532" s="527"/>
      <c r="I1532" s="527"/>
      <c r="J1532" s="527"/>
      <c r="K1532" s="527"/>
      <c r="L1532" s="527"/>
      <c r="M1532" s="527"/>
      <c r="N1532" s="527"/>
      <c r="O1532" s="527"/>
      <c r="P1532" s="527"/>
      <c r="Q1532" s="527"/>
      <c r="R1532" s="527"/>
      <c r="S1532" s="527"/>
      <c r="T1532" s="527"/>
      <c r="U1532" s="527"/>
      <c r="V1532" s="527"/>
      <c r="W1532" s="527"/>
      <c r="X1532" s="527"/>
      <c r="Y1532" s="527"/>
      <c r="Z1532" s="527"/>
      <c r="AA1532" s="527"/>
      <c r="AB1532" s="527"/>
      <c r="AC1532" s="527"/>
      <c r="AD1532" s="527"/>
      <c r="AE1532" s="527"/>
      <c r="AF1532" s="527"/>
      <c r="AG1532" s="527"/>
      <c r="AH1532" s="527"/>
      <c r="AI1532" s="527"/>
      <c r="AJ1532" s="529"/>
      <c r="AK1532" s="229"/>
      <c r="AL1532" s="230"/>
    </row>
    <row r="1533" spans="1:38" thickTop="1">
      <c r="B1533" s="7"/>
      <c r="C1533" s="232" t="s">
        <v>395</v>
      </c>
      <c r="D1533" s="232"/>
      <c r="E1533" s="232"/>
      <c r="F1533" s="232"/>
      <c r="G1533" s="232"/>
      <c r="H1533" s="232"/>
      <c r="I1533" s="232"/>
      <c r="J1533" s="232"/>
      <c r="K1533" s="232"/>
      <c r="L1533" s="232"/>
      <c r="M1533" s="232"/>
      <c r="N1533" s="232"/>
      <c r="O1533" s="232"/>
      <c r="P1533" s="232"/>
      <c r="Q1533" s="232"/>
      <c r="R1533" s="232"/>
      <c r="S1533" s="232"/>
      <c r="T1533" s="232"/>
      <c r="U1533" s="232"/>
      <c r="V1533" s="232"/>
      <c r="W1533" s="232"/>
      <c r="X1533" s="232"/>
      <c r="Y1533" s="232"/>
      <c r="Z1533" s="232"/>
      <c r="AA1533" s="232"/>
      <c r="AB1533" s="232"/>
      <c r="AC1533" s="232"/>
      <c r="AD1533" s="232"/>
      <c r="AE1533" s="232"/>
      <c r="AF1533" s="232"/>
      <c r="AG1533" s="232"/>
      <c r="AH1533" s="232"/>
      <c r="AI1533" s="232"/>
      <c r="AJ1533" s="233"/>
      <c r="AK1533" s="227"/>
      <c r="AL1533" s="228"/>
    </row>
    <row r="1534" spans="1:38" thickBot="1">
      <c r="B1534" s="7"/>
      <c r="C1534" s="234"/>
      <c r="D1534" s="235"/>
      <c r="E1534" s="235"/>
      <c r="F1534" s="235"/>
      <c r="G1534" s="235"/>
      <c r="H1534" s="235"/>
      <c r="I1534" s="235"/>
      <c r="J1534" s="235"/>
      <c r="K1534" s="235"/>
      <c r="L1534" s="235"/>
      <c r="M1534" s="235"/>
      <c r="N1534" s="235"/>
      <c r="O1534" s="235"/>
      <c r="P1534" s="235"/>
      <c r="Q1534" s="235"/>
      <c r="R1534" s="235"/>
      <c r="S1534" s="235"/>
      <c r="T1534" s="235"/>
      <c r="U1534" s="235"/>
      <c r="V1534" s="235"/>
      <c r="W1534" s="235"/>
      <c r="X1534" s="235"/>
      <c r="Y1534" s="235"/>
      <c r="Z1534" s="235"/>
      <c r="AA1534" s="235"/>
      <c r="AB1534" s="235"/>
      <c r="AC1534" s="235"/>
      <c r="AD1534" s="235"/>
      <c r="AE1534" s="235"/>
      <c r="AF1534" s="235"/>
      <c r="AG1534" s="235"/>
      <c r="AH1534" s="235"/>
      <c r="AI1534" s="235"/>
      <c r="AJ1534" s="236"/>
      <c r="AK1534" s="229"/>
      <c r="AL1534" s="230"/>
    </row>
    <row r="1535" spans="1:38" ht="10.5" customHeight="1" thickTop="1"/>
    <row r="1536" spans="1:38" ht="13.5" customHeight="1">
      <c r="A1536" s="2" t="s">
        <v>167</v>
      </c>
    </row>
    <row r="1537" spans="1:38" ht="13.5" customHeight="1" thickBot="1">
      <c r="A1537" s="23" t="s">
        <v>482</v>
      </c>
    </row>
    <row r="1538" spans="1:38" ht="13.5" customHeight="1" thickTop="1">
      <c r="A1538" s="215">
        <v>155</v>
      </c>
      <c r="B1538" s="239"/>
      <c r="C1538" s="219" t="s">
        <v>627</v>
      </c>
      <c r="D1538" s="220"/>
      <c r="E1538" s="220"/>
      <c r="F1538" s="220"/>
      <c r="G1538" s="220"/>
      <c r="H1538" s="220"/>
      <c r="I1538" s="220"/>
      <c r="J1538" s="220"/>
      <c r="K1538" s="220"/>
      <c r="L1538" s="220"/>
      <c r="M1538" s="220"/>
      <c r="N1538" s="220"/>
      <c r="O1538" s="220"/>
      <c r="P1538" s="220"/>
      <c r="Q1538" s="220"/>
      <c r="R1538" s="220"/>
      <c r="S1538" s="220"/>
      <c r="T1538" s="220"/>
      <c r="U1538" s="220"/>
      <c r="V1538" s="220"/>
      <c r="W1538" s="220"/>
      <c r="X1538" s="220"/>
      <c r="Y1538" s="220"/>
      <c r="Z1538" s="220"/>
      <c r="AA1538" s="220"/>
      <c r="AB1538" s="220"/>
      <c r="AC1538" s="220"/>
      <c r="AD1538" s="220"/>
      <c r="AE1538" s="220"/>
      <c r="AF1538" s="220"/>
      <c r="AG1538" s="220"/>
      <c r="AH1538" s="220"/>
      <c r="AI1538" s="220"/>
      <c r="AJ1538" s="220"/>
      <c r="AK1538" s="227"/>
      <c r="AL1538" s="228"/>
    </row>
    <row r="1539" spans="1:38" ht="13.5" customHeight="1" thickBot="1">
      <c r="A1539" s="217"/>
      <c r="B1539" s="240"/>
      <c r="C1539" s="225"/>
      <c r="D1539" s="226"/>
      <c r="E1539" s="226"/>
      <c r="F1539" s="226"/>
      <c r="G1539" s="226"/>
      <c r="H1539" s="226"/>
      <c r="I1539" s="226"/>
      <c r="J1539" s="226"/>
      <c r="K1539" s="226"/>
      <c r="L1539" s="226"/>
      <c r="M1539" s="226"/>
      <c r="N1539" s="226"/>
      <c r="O1539" s="226"/>
      <c r="P1539" s="226"/>
      <c r="Q1539" s="226"/>
      <c r="R1539" s="226"/>
      <c r="S1539" s="226"/>
      <c r="T1539" s="226"/>
      <c r="U1539" s="226"/>
      <c r="V1539" s="226"/>
      <c r="W1539" s="226"/>
      <c r="X1539" s="226"/>
      <c r="Y1539" s="226"/>
      <c r="Z1539" s="226"/>
      <c r="AA1539" s="226"/>
      <c r="AB1539" s="226"/>
      <c r="AC1539" s="226"/>
      <c r="AD1539" s="226"/>
      <c r="AE1539" s="226"/>
      <c r="AF1539" s="226"/>
      <c r="AG1539" s="226"/>
      <c r="AH1539" s="226"/>
      <c r="AI1539" s="226"/>
      <c r="AJ1539" s="226"/>
      <c r="AK1539" s="229"/>
      <c r="AL1539" s="230"/>
    </row>
    <row r="1540" spans="1:38" ht="12.65" customHeight="1" thickTop="1"/>
    <row r="1541" spans="1:38" ht="12.65" customHeight="1" thickBot="1">
      <c r="C1541" s="1" t="s">
        <v>168</v>
      </c>
    </row>
    <row r="1542" spans="1:38" ht="12.65" customHeight="1" thickTop="1">
      <c r="B1542" s="7"/>
      <c r="C1542" s="231" t="s">
        <v>169</v>
      </c>
      <c r="D1542" s="232"/>
      <c r="E1542" s="232"/>
      <c r="F1542" s="232"/>
      <c r="G1542" s="232"/>
      <c r="H1542" s="232"/>
      <c r="I1542" s="232"/>
      <c r="J1542" s="232"/>
      <c r="K1542" s="232"/>
      <c r="L1542" s="232"/>
      <c r="M1542" s="232"/>
      <c r="N1542" s="232"/>
      <c r="O1542" s="232"/>
      <c r="P1542" s="232"/>
      <c r="Q1542" s="232"/>
      <c r="R1542" s="232"/>
      <c r="S1542" s="232"/>
      <c r="T1542" s="232"/>
      <c r="U1542" s="232"/>
      <c r="V1542" s="232"/>
      <c r="W1542" s="232"/>
      <c r="X1542" s="232"/>
      <c r="Y1542" s="232"/>
      <c r="Z1542" s="232"/>
      <c r="AA1542" s="232"/>
      <c r="AB1542" s="232"/>
      <c r="AC1542" s="232"/>
      <c r="AD1542" s="232"/>
      <c r="AE1542" s="232"/>
      <c r="AF1542" s="232"/>
      <c r="AG1542" s="232"/>
      <c r="AH1542" s="232"/>
      <c r="AI1542" s="232"/>
      <c r="AJ1542" s="233"/>
      <c r="AK1542" s="227"/>
      <c r="AL1542" s="228"/>
    </row>
    <row r="1543" spans="1:38" ht="12.65" customHeight="1" thickBot="1">
      <c r="B1543" s="7"/>
      <c r="C1543" s="235"/>
      <c r="D1543" s="235"/>
      <c r="E1543" s="235"/>
      <c r="F1543" s="235"/>
      <c r="G1543" s="235"/>
      <c r="H1543" s="235"/>
      <c r="I1543" s="235"/>
      <c r="J1543" s="235"/>
      <c r="K1543" s="235"/>
      <c r="L1543" s="235"/>
      <c r="M1543" s="235"/>
      <c r="N1543" s="235"/>
      <c r="O1543" s="235"/>
      <c r="P1543" s="235"/>
      <c r="Q1543" s="235"/>
      <c r="R1543" s="235"/>
      <c r="S1543" s="235"/>
      <c r="T1543" s="235"/>
      <c r="U1543" s="235"/>
      <c r="V1543" s="235"/>
      <c r="W1543" s="235"/>
      <c r="X1543" s="235"/>
      <c r="Y1543" s="235"/>
      <c r="Z1543" s="235"/>
      <c r="AA1543" s="235"/>
      <c r="AB1543" s="235"/>
      <c r="AC1543" s="235"/>
      <c r="AD1543" s="235"/>
      <c r="AE1543" s="235"/>
      <c r="AF1543" s="235"/>
      <c r="AG1543" s="235"/>
      <c r="AH1543" s="235"/>
      <c r="AI1543" s="235"/>
      <c r="AJ1543" s="236"/>
      <c r="AK1543" s="229"/>
      <c r="AL1543" s="230"/>
    </row>
    <row r="1544" spans="1:38" ht="12.65" customHeight="1" thickTop="1">
      <c r="B1544" s="7"/>
      <c r="C1544" s="232" t="s">
        <v>170</v>
      </c>
      <c r="D1544" s="232"/>
      <c r="E1544" s="232"/>
      <c r="F1544" s="232"/>
      <c r="G1544" s="232"/>
      <c r="H1544" s="232"/>
      <c r="I1544" s="232"/>
      <c r="J1544" s="232"/>
      <c r="K1544" s="232"/>
      <c r="L1544" s="232"/>
      <c r="M1544" s="232"/>
      <c r="N1544" s="232"/>
      <c r="O1544" s="232"/>
      <c r="P1544" s="232"/>
      <c r="Q1544" s="232"/>
      <c r="R1544" s="232"/>
      <c r="S1544" s="232"/>
      <c r="T1544" s="232"/>
      <c r="U1544" s="232"/>
      <c r="V1544" s="232"/>
      <c r="W1544" s="232"/>
      <c r="X1544" s="232"/>
      <c r="Y1544" s="232"/>
      <c r="Z1544" s="232"/>
      <c r="AA1544" s="232"/>
      <c r="AB1544" s="232"/>
      <c r="AC1544" s="232"/>
      <c r="AD1544" s="232"/>
      <c r="AE1544" s="232"/>
      <c r="AF1544" s="232"/>
      <c r="AG1544" s="232"/>
      <c r="AH1544" s="232"/>
      <c r="AI1544" s="232"/>
      <c r="AJ1544" s="233"/>
      <c r="AK1544" s="227"/>
      <c r="AL1544" s="228"/>
    </row>
    <row r="1545" spans="1:38" ht="12.65" customHeight="1" thickBot="1">
      <c r="B1545" s="7"/>
      <c r="C1545" s="235"/>
      <c r="D1545" s="235"/>
      <c r="E1545" s="235"/>
      <c r="F1545" s="235"/>
      <c r="G1545" s="235"/>
      <c r="H1545" s="235"/>
      <c r="I1545" s="235"/>
      <c r="J1545" s="235"/>
      <c r="K1545" s="235"/>
      <c r="L1545" s="235"/>
      <c r="M1545" s="235"/>
      <c r="N1545" s="235"/>
      <c r="O1545" s="235"/>
      <c r="P1545" s="235"/>
      <c r="Q1545" s="235"/>
      <c r="R1545" s="235"/>
      <c r="S1545" s="235"/>
      <c r="T1545" s="235"/>
      <c r="U1545" s="235"/>
      <c r="V1545" s="235"/>
      <c r="W1545" s="235"/>
      <c r="X1545" s="235"/>
      <c r="Y1545" s="235"/>
      <c r="Z1545" s="235"/>
      <c r="AA1545" s="235"/>
      <c r="AB1545" s="235"/>
      <c r="AC1545" s="235"/>
      <c r="AD1545" s="235"/>
      <c r="AE1545" s="235"/>
      <c r="AF1545" s="235"/>
      <c r="AG1545" s="235"/>
      <c r="AH1545" s="235"/>
      <c r="AI1545" s="235"/>
      <c r="AJ1545" s="236"/>
      <c r="AK1545" s="229"/>
      <c r="AL1545" s="230"/>
    </row>
    <row r="1546" spans="1:38" ht="12.65" customHeight="1" thickTop="1">
      <c r="B1546" s="7"/>
      <c r="C1546" s="232" t="s">
        <v>171</v>
      </c>
      <c r="D1546" s="232"/>
      <c r="E1546" s="232"/>
      <c r="F1546" s="232"/>
      <c r="G1546" s="232"/>
      <c r="H1546" s="232"/>
      <c r="I1546" s="232"/>
      <c r="J1546" s="232"/>
      <c r="K1546" s="232"/>
      <c r="L1546" s="232"/>
      <c r="M1546" s="232"/>
      <c r="N1546" s="232"/>
      <c r="O1546" s="232"/>
      <c r="P1546" s="232"/>
      <c r="Q1546" s="232"/>
      <c r="R1546" s="232"/>
      <c r="S1546" s="232"/>
      <c r="T1546" s="232"/>
      <c r="U1546" s="232"/>
      <c r="V1546" s="232"/>
      <c r="W1546" s="232"/>
      <c r="X1546" s="232"/>
      <c r="Y1546" s="232"/>
      <c r="Z1546" s="232"/>
      <c r="AA1546" s="232"/>
      <c r="AB1546" s="232"/>
      <c r="AC1546" s="232"/>
      <c r="AD1546" s="232"/>
      <c r="AE1546" s="232"/>
      <c r="AF1546" s="232"/>
      <c r="AG1546" s="232"/>
      <c r="AH1546" s="232"/>
      <c r="AI1546" s="232"/>
      <c r="AJ1546" s="233"/>
      <c r="AK1546" s="227"/>
      <c r="AL1546" s="228"/>
    </row>
    <row r="1547" spans="1:38" ht="12.65" customHeight="1" thickBot="1">
      <c r="B1547" s="7"/>
      <c r="C1547" s="235"/>
      <c r="D1547" s="235"/>
      <c r="E1547" s="235"/>
      <c r="F1547" s="235"/>
      <c r="G1547" s="235"/>
      <c r="H1547" s="235"/>
      <c r="I1547" s="235"/>
      <c r="J1547" s="235"/>
      <c r="K1547" s="235"/>
      <c r="L1547" s="235"/>
      <c r="M1547" s="235"/>
      <c r="N1547" s="235"/>
      <c r="O1547" s="235"/>
      <c r="P1547" s="235"/>
      <c r="Q1547" s="235"/>
      <c r="R1547" s="235"/>
      <c r="S1547" s="235"/>
      <c r="T1547" s="235"/>
      <c r="U1547" s="235"/>
      <c r="V1547" s="235"/>
      <c r="W1547" s="235"/>
      <c r="X1547" s="235"/>
      <c r="Y1547" s="235"/>
      <c r="Z1547" s="235"/>
      <c r="AA1547" s="235"/>
      <c r="AB1547" s="235"/>
      <c r="AC1547" s="235"/>
      <c r="AD1547" s="235"/>
      <c r="AE1547" s="235"/>
      <c r="AF1547" s="235"/>
      <c r="AG1547" s="235"/>
      <c r="AH1547" s="235"/>
      <c r="AI1547" s="235"/>
      <c r="AJ1547" s="236"/>
      <c r="AK1547" s="229"/>
      <c r="AL1547" s="230"/>
    </row>
    <row r="1548" spans="1:38" ht="12.65" customHeight="1" thickTop="1">
      <c r="B1548" s="7"/>
      <c r="C1548" s="232" t="s">
        <v>172</v>
      </c>
      <c r="D1548" s="232"/>
      <c r="E1548" s="232"/>
      <c r="F1548" s="232"/>
      <c r="G1548" s="232"/>
      <c r="H1548" s="232"/>
      <c r="I1548" s="232"/>
      <c r="J1548" s="232"/>
      <c r="K1548" s="232"/>
      <c r="L1548" s="232"/>
      <c r="M1548" s="232"/>
      <c r="N1548" s="232"/>
      <c r="O1548" s="232"/>
      <c r="P1548" s="232"/>
      <c r="Q1548" s="232"/>
      <c r="R1548" s="232"/>
      <c r="S1548" s="232"/>
      <c r="T1548" s="232"/>
      <c r="U1548" s="232"/>
      <c r="V1548" s="232"/>
      <c r="W1548" s="232"/>
      <c r="X1548" s="232"/>
      <c r="Y1548" s="232"/>
      <c r="Z1548" s="232"/>
      <c r="AA1548" s="232"/>
      <c r="AB1548" s="232"/>
      <c r="AC1548" s="232"/>
      <c r="AD1548" s="232"/>
      <c r="AE1548" s="232"/>
      <c r="AF1548" s="232"/>
      <c r="AG1548" s="232"/>
      <c r="AH1548" s="232"/>
      <c r="AI1548" s="232"/>
      <c r="AJ1548" s="233"/>
      <c r="AK1548" s="227"/>
      <c r="AL1548" s="228"/>
    </row>
    <row r="1549" spans="1:38" ht="12.65" customHeight="1" thickBot="1">
      <c r="B1549" s="7"/>
      <c r="C1549" s="235"/>
      <c r="D1549" s="235"/>
      <c r="E1549" s="235"/>
      <c r="F1549" s="235"/>
      <c r="G1549" s="235"/>
      <c r="H1549" s="235"/>
      <c r="I1549" s="235"/>
      <c r="J1549" s="235"/>
      <c r="K1549" s="235"/>
      <c r="L1549" s="235"/>
      <c r="M1549" s="235"/>
      <c r="N1549" s="235"/>
      <c r="O1549" s="235"/>
      <c r="P1549" s="235"/>
      <c r="Q1549" s="235"/>
      <c r="R1549" s="235"/>
      <c r="S1549" s="235"/>
      <c r="T1549" s="235"/>
      <c r="U1549" s="235"/>
      <c r="V1549" s="235"/>
      <c r="W1549" s="235"/>
      <c r="X1549" s="235"/>
      <c r="Y1549" s="235"/>
      <c r="Z1549" s="235"/>
      <c r="AA1549" s="235"/>
      <c r="AB1549" s="235"/>
      <c r="AC1549" s="235"/>
      <c r="AD1549" s="235"/>
      <c r="AE1549" s="235"/>
      <c r="AF1549" s="235"/>
      <c r="AG1549" s="235"/>
      <c r="AH1549" s="235"/>
      <c r="AI1549" s="235"/>
      <c r="AJ1549" s="236"/>
      <c r="AK1549" s="229"/>
      <c r="AL1549" s="230"/>
    </row>
    <row r="1550" spans="1:38" ht="12.65" customHeight="1" thickTop="1">
      <c r="B1550" s="7"/>
      <c r="C1550" s="232" t="s">
        <v>257</v>
      </c>
      <c r="D1550" s="232"/>
      <c r="E1550" s="232"/>
      <c r="F1550" s="232"/>
      <c r="G1550" s="232"/>
      <c r="H1550" s="232"/>
      <c r="I1550" s="232"/>
      <c r="J1550" s="232"/>
      <c r="K1550" s="232"/>
      <c r="L1550" s="232"/>
      <c r="M1550" s="232"/>
      <c r="N1550" s="232"/>
      <c r="O1550" s="232"/>
      <c r="P1550" s="232"/>
      <c r="Q1550" s="232"/>
      <c r="R1550" s="232"/>
      <c r="S1550" s="232"/>
      <c r="T1550" s="232"/>
      <c r="U1550" s="232"/>
      <c r="V1550" s="232"/>
      <c r="W1550" s="232"/>
      <c r="X1550" s="232"/>
      <c r="Y1550" s="232"/>
      <c r="Z1550" s="232"/>
      <c r="AA1550" s="232"/>
      <c r="AB1550" s="232"/>
      <c r="AC1550" s="232"/>
      <c r="AD1550" s="232"/>
      <c r="AE1550" s="232"/>
      <c r="AF1550" s="232"/>
      <c r="AG1550" s="232"/>
      <c r="AH1550" s="232"/>
      <c r="AI1550" s="232"/>
      <c r="AJ1550" s="233"/>
      <c r="AK1550" s="227"/>
      <c r="AL1550" s="228"/>
    </row>
    <row r="1551" spans="1:38" ht="12.65" customHeight="1" thickBot="1">
      <c r="B1551" s="7"/>
      <c r="C1551" s="235"/>
      <c r="D1551" s="235"/>
      <c r="E1551" s="235"/>
      <c r="F1551" s="235"/>
      <c r="G1551" s="235"/>
      <c r="H1551" s="235"/>
      <c r="I1551" s="235"/>
      <c r="J1551" s="235"/>
      <c r="K1551" s="235"/>
      <c r="L1551" s="235"/>
      <c r="M1551" s="235"/>
      <c r="N1551" s="235"/>
      <c r="O1551" s="235"/>
      <c r="P1551" s="235"/>
      <c r="Q1551" s="235"/>
      <c r="R1551" s="235"/>
      <c r="S1551" s="235"/>
      <c r="T1551" s="235"/>
      <c r="U1551" s="235"/>
      <c r="V1551" s="235"/>
      <c r="W1551" s="235"/>
      <c r="X1551" s="235"/>
      <c r="Y1551" s="235"/>
      <c r="Z1551" s="235"/>
      <c r="AA1551" s="235"/>
      <c r="AB1551" s="235"/>
      <c r="AC1551" s="235"/>
      <c r="AD1551" s="235"/>
      <c r="AE1551" s="235"/>
      <c r="AF1551" s="235"/>
      <c r="AG1551" s="235"/>
      <c r="AH1551" s="235"/>
      <c r="AI1551" s="235"/>
      <c r="AJ1551" s="236"/>
      <c r="AK1551" s="229"/>
      <c r="AL1551" s="230"/>
    </row>
    <row r="1552" spans="1:38" ht="12.65" customHeight="1" thickTop="1">
      <c r="B1552" s="7"/>
      <c r="C1552" s="232" t="s">
        <v>135</v>
      </c>
      <c r="D1552" s="232"/>
      <c r="E1552" s="232"/>
      <c r="F1552" s="232"/>
      <c r="G1552" s="232"/>
      <c r="H1552" s="232"/>
      <c r="I1552" s="232"/>
      <c r="J1552" s="232"/>
      <c r="K1552" s="232"/>
      <c r="L1552" s="232"/>
      <c r="M1552" s="232"/>
      <c r="N1552" s="232"/>
      <c r="O1552" s="232"/>
      <c r="P1552" s="232"/>
      <c r="Q1552" s="232"/>
      <c r="R1552" s="232"/>
      <c r="S1552" s="232"/>
      <c r="T1552" s="232"/>
      <c r="U1552" s="232"/>
      <c r="V1552" s="232"/>
      <c r="W1552" s="232"/>
      <c r="X1552" s="232"/>
      <c r="Y1552" s="232"/>
      <c r="Z1552" s="232"/>
      <c r="AA1552" s="232"/>
      <c r="AB1552" s="232"/>
      <c r="AC1552" s="232"/>
      <c r="AD1552" s="232"/>
      <c r="AE1552" s="232"/>
      <c r="AF1552" s="232"/>
      <c r="AG1552" s="232"/>
      <c r="AH1552" s="232"/>
      <c r="AI1552" s="232"/>
      <c r="AJ1552" s="233"/>
      <c r="AK1552" s="227"/>
      <c r="AL1552" s="228"/>
    </row>
    <row r="1553" spans="1:38" ht="12.65" customHeight="1" thickBot="1">
      <c r="B1553" s="7"/>
      <c r="C1553" s="235"/>
      <c r="D1553" s="235"/>
      <c r="E1553" s="235"/>
      <c r="F1553" s="235"/>
      <c r="G1553" s="235"/>
      <c r="H1553" s="235"/>
      <c r="I1553" s="235"/>
      <c r="J1553" s="235"/>
      <c r="K1553" s="235"/>
      <c r="L1553" s="235"/>
      <c r="M1553" s="235"/>
      <c r="N1553" s="235"/>
      <c r="O1553" s="235"/>
      <c r="P1553" s="235"/>
      <c r="Q1553" s="235"/>
      <c r="R1553" s="235"/>
      <c r="S1553" s="235"/>
      <c r="T1553" s="235"/>
      <c r="U1553" s="235"/>
      <c r="V1553" s="235"/>
      <c r="W1553" s="235"/>
      <c r="X1553" s="235"/>
      <c r="Y1553" s="235"/>
      <c r="Z1553" s="235"/>
      <c r="AA1553" s="235"/>
      <c r="AB1553" s="235"/>
      <c r="AC1553" s="235"/>
      <c r="AD1553" s="235"/>
      <c r="AE1553" s="235"/>
      <c r="AF1553" s="235"/>
      <c r="AG1553" s="235"/>
      <c r="AH1553" s="235"/>
      <c r="AI1553" s="235"/>
      <c r="AJ1553" s="236"/>
      <c r="AK1553" s="229"/>
      <c r="AL1553" s="230"/>
    </row>
    <row r="1554" spans="1:38" ht="12.65" customHeight="1" thickTop="1">
      <c r="C1554" s="231" t="s">
        <v>320</v>
      </c>
      <c r="D1554" s="232"/>
      <c r="E1554" s="232"/>
      <c r="F1554" s="232"/>
      <c r="G1554" s="232"/>
      <c r="H1554" s="232"/>
      <c r="I1554" s="232"/>
      <c r="J1554" s="232"/>
      <c r="K1554" s="232"/>
      <c r="L1554" s="232"/>
      <c r="M1554" s="232"/>
      <c r="N1554" s="232"/>
      <c r="O1554" s="232"/>
      <c r="P1554" s="232"/>
      <c r="Q1554" s="232"/>
      <c r="R1554" s="232"/>
      <c r="S1554" s="232"/>
      <c r="T1554" s="232"/>
      <c r="U1554" s="232"/>
      <c r="V1554" s="232"/>
      <c r="W1554" s="232"/>
      <c r="X1554" s="232"/>
      <c r="Y1554" s="232"/>
      <c r="Z1554" s="232"/>
      <c r="AA1554" s="232"/>
      <c r="AB1554" s="232"/>
      <c r="AC1554" s="232"/>
      <c r="AD1554" s="232"/>
      <c r="AE1554" s="232"/>
      <c r="AF1554" s="232"/>
      <c r="AG1554" s="232"/>
      <c r="AH1554" s="232"/>
      <c r="AI1554" s="232"/>
      <c r="AJ1554" s="233"/>
      <c r="AK1554" s="227"/>
      <c r="AL1554" s="228"/>
    </row>
    <row r="1555" spans="1:38" ht="12.65" customHeight="1" thickBot="1">
      <c r="C1555" s="234"/>
      <c r="D1555" s="235"/>
      <c r="E1555" s="235"/>
      <c r="F1555" s="235"/>
      <c r="G1555" s="235"/>
      <c r="H1555" s="235"/>
      <c r="I1555" s="235"/>
      <c r="J1555" s="235"/>
      <c r="K1555" s="235"/>
      <c r="L1555" s="235"/>
      <c r="M1555" s="235"/>
      <c r="N1555" s="235"/>
      <c r="O1555" s="235"/>
      <c r="P1555" s="235"/>
      <c r="Q1555" s="235"/>
      <c r="R1555" s="235"/>
      <c r="S1555" s="235"/>
      <c r="T1555" s="235"/>
      <c r="U1555" s="235"/>
      <c r="V1555" s="235"/>
      <c r="W1555" s="235"/>
      <c r="X1555" s="235"/>
      <c r="Y1555" s="235"/>
      <c r="Z1555" s="235"/>
      <c r="AA1555" s="235"/>
      <c r="AB1555" s="235"/>
      <c r="AC1555" s="235"/>
      <c r="AD1555" s="235"/>
      <c r="AE1555" s="235"/>
      <c r="AF1555" s="235"/>
      <c r="AG1555" s="235"/>
      <c r="AH1555" s="235"/>
      <c r="AI1555" s="235"/>
      <c r="AJ1555" s="236"/>
      <c r="AK1555" s="229"/>
      <c r="AL1555" s="230"/>
    </row>
    <row r="1556" spans="1:38" ht="13.5" customHeight="1" thickTop="1">
      <c r="C1556" s="37"/>
      <c r="D1556" s="37"/>
      <c r="E1556" s="37"/>
      <c r="F1556" s="37"/>
      <c r="G1556" s="37"/>
      <c r="H1556" s="37"/>
      <c r="I1556" s="37"/>
      <c r="J1556" s="37"/>
      <c r="K1556" s="37"/>
      <c r="L1556" s="37"/>
      <c r="M1556" s="37"/>
      <c r="N1556" s="37"/>
      <c r="O1556" s="37"/>
      <c r="P1556" s="37"/>
      <c r="Q1556" s="37"/>
      <c r="R1556" s="37"/>
      <c r="S1556" s="37"/>
      <c r="T1556" s="37"/>
      <c r="U1556" s="37"/>
      <c r="V1556" s="37"/>
      <c r="W1556" s="37"/>
      <c r="X1556" s="37"/>
      <c r="Y1556" s="37"/>
      <c r="Z1556" s="37"/>
      <c r="AA1556" s="37"/>
      <c r="AB1556" s="37"/>
      <c r="AC1556" s="37"/>
      <c r="AD1556" s="37"/>
      <c r="AE1556" s="37"/>
      <c r="AF1556" s="37"/>
      <c r="AG1556" s="37"/>
      <c r="AH1556" s="37"/>
      <c r="AI1556" s="37"/>
      <c r="AJ1556" s="37"/>
      <c r="AK1556" s="46"/>
      <c r="AL1556" s="46"/>
    </row>
    <row r="1557" spans="1:38" ht="13">
      <c r="A1557" s="2" t="s">
        <v>211</v>
      </c>
    </row>
    <row r="1558" spans="1:38" thickBot="1">
      <c r="A1558" s="11" t="s">
        <v>483</v>
      </c>
    </row>
    <row r="1559" spans="1:38" thickTop="1">
      <c r="A1559" s="215">
        <v>156</v>
      </c>
      <c r="B1559" s="239"/>
      <c r="C1559" s="219" t="s">
        <v>628</v>
      </c>
      <c r="D1559" s="220"/>
      <c r="E1559" s="220"/>
      <c r="F1559" s="220"/>
      <c r="G1559" s="220"/>
      <c r="H1559" s="220"/>
      <c r="I1559" s="220"/>
      <c r="J1559" s="220"/>
      <c r="K1559" s="220"/>
      <c r="L1559" s="220"/>
      <c r="M1559" s="220"/>
      <c r="N1559" s="220"/>
      <c r="O1559" s="220"/>
      <c r="P1559" s="220"/>
      <c r="Q1559" s="220"/>
      <c r="R1559" s="220"/>
      <c r="S1559" s="220"/>
      <c r="T1559" s="220"/>
      <c r="U1559" s="220"/>
      <c r="V1559" s="220"/>
      <c r="W1559" s="220"/>
      <c r="X1559" s="220"/>
      <c r="Y1559" s="220"/>
      <c r="Z1559" s="220"/>
      <c r="AA1559" s="220"/>
      <c r="AB1559" s="220"/>
      <c r="AC1559" s="220"/>
      <c r="AD1559" s="220"/>
      <c r="AE1559" s="220"/>
      <c r="AF1559" s="220"/>
      <c r="AG1559" s="220"/>
      <c r="AH1559" s="220"/>
      <c r="AI1559" s="220"/>
      <c r="AJ1559" s="316"/>
      <c r="AK1559" s="227"/>
      <c r="AL1559" s="228"/>
    </row>
    <row r="1560" spans="1:38" thickBot="1">
      <c r="A1560" s="217"/>
      <c r="B1560" s="240"/>
      <c r="C1560" s="222"/>
      <c r="D1560" s="315"/>
      <c r="E1560" s="315"/>
      <c r="F1560" s="315"/>
      <c r="G1560" s="315"/>
      <c r="H1560" s="315"/>
      <c r="I1560" s="315"/>
      <c r="J1560" s="315"/>
      <c r="K1560" s="315"/>
      <c r="L1560" s="315"/>
      <c r="M1560" s="315"/>
      <c r="N1560" s="315"/>
      <c r="O1560" s="315"/>
      <c r="P1560" s="315"/>
      <c r="Q1560" s="315"/>
      <c r="R1560" s="315"/>
      <c r="S1560" s="315"/>
      <c r="T1560" s="315"/>
      <c r="U1560" s="315"/>
      <c r="V1560" s="315"/>
      <c r="W1560" s="315"/>
      <c r="X1560" s="315"/>
      <c r="Y1560" s="315"/>
      <c r="Z1560" s="315"/>
      <c r="AA1560" s="315"/>
      <c r="AB1560" s="315"/>
      <c r="AC1560" s="315"/>
      <c r="AD1560" s="315"/>
      <c r="AE1560" s="315"/>
      <c r="AF1560" s="315"/>
      <c r="AG1560" s="315"/>
      <c r="AH1560" s="315"/>
      <c r="AI1560" s="315"/>
      <c r="AJ1560" s="317"/>
      <c r="AK1560" s="229"/>
      <c r="AL1560" s="230"/>
    </row>
    <row r="1561" spans="1:38" thickTop="1">
      <c r="A1561" s="47"/>
      <c r="B1561" s="47"/>
      <c r="C1561" s="225"/>
      <c r="D1561" s="226"/>
      <c r="E1561" s="226"/>
      <c r="F1561" s="226"/>
      <c r="G1561" s="226"/>
      <c r="H1561" s="226"/>
      <c r="I1561" s="226"/>
      <c r="J1561" s="226"/>
      <c r="K1561" s="226"/>
      <c r="L1561" s="226"/>
      <c r="M1561" s="226"/>
      <c r="N1561" s="226"/>
      <c r="O1561" s="226"/>
      <c r="P1561" s="226"/>
      <c r="Q1561" s="226"/>
      <c r="R1561" s="226"/>
      <c r="S1561" s="226"/>
      <c r="T1561" s="226"/>
      <c r="U1561" s="226"/>
      <c r="V1561" s="226"/>
      <c r="W1561" s="226"/>
      <c r="X1561" s="226"/>
      <c r="Y1561" s="226"/>
      <c r="Z1561" s="226"/>
      <c r="AA1561" s="226"/>
      <c r="AB1561" s="226"/>
      <c r="AC1561" s="226"/>
      <c r="AD1561" s="226"/>
      <c r="AE1561" s="226"/>
      <c r="AF1561" s="226"/>
      <c r="AG1561" s="226"/>
      <c r="AH1561" s="226"/>
      <c r="AI1561" s="226"/>
      <c r="AJ1561" s="318"/>
      <c r="AK1561" s="46"/>
      <c r="AL1561" s="46"/>
    </row>
    <row r="1562" spans="1:38" thickBot="1">
      <c r="C1562" s="74"/>
      <c r="D1562" s="24"/>
      <c r="E1562" s="24"/>
      <c r="F1562" s="24"/>
      <c r="G1562" s="24"/>
      <c r="H1562" s="24"/>
      <c r="I1562" s="24"/>
      <c r="J1562" s="24"/>
      <c r="K1562" s="24"/>
      <c r="L1562" s="24"/>
      <c r="M1562" s="24"/>
      <c r="N1562" s="24"/>
      <c r="O1562" s="24"/>
      <c r="P1562" s="24"/>
      <c r="Q1562" s="24"/>
      <c r="R1562" s="24"/>
      <c r="S1562" s="24"/>
      <c r="T1562" s="24"/>
      <c r="U1562" s="24"/>
      <c r="V1562" s="24"/>
      <c r="W1562" s="24"/>
      <c r="X1562" s="24"/>
      <c r="Y1562" s="24"/>
      <c r="Z1562" s="24"/>
      <c r="AA1562" s="24"/>
      <c r="AB1562" s="24"/>
      <c r="AC1562" s="24"/>
      <c r="AD1562" s="24"/>
      <c r="AE1562" s="24"/>
      <c r="AF1562" s="24"/>
      <c r="AG1562" s="24"/>
      <c r="AH1562" s="24"/>
      <c r="AI1562" s="24"/>
      <c r="AJ1562" s="24"/>
      <c r="AK1562" s="24"/>
    </row>
    <row r="1563" spans="1:38" ht="13.5" customHeight="1" thickTop="1">
      <c r="A1563" s="559">
        <v>157</v>
      </c>
      <c r="B1563" s="560"/>
      <c r="C1563" s="547" t="s">
        <v>255</v>
      </c>
      <c r="D1563" s="548"/>
      <c r="E1563" s="548"/>
      <c r="F1563" s="548"/>
      <c r="G1563" s="548"/>
      <c r="H1563" s="548"/>
      <c r="I1563" s="548"/>
      <c r="J1563" s="548"/>
      <c r="K1563" s="548"/>
      <c r="L1563" s="548"/>
      <c r="M1563" s="548"/>
      <c r="N1563" s="548"/>
      <c r="O1563" s="548"/>
      <c r="P1563" s="548"/>
      <c r="Q1563" s="548"/>
      <c r="R1563" s="548"/>
      <c r="S1563" s="548"/>
      <c r="T1563" s="548"/>
      <c r="U1563" s="548"/>
      <c r="V1563" s="548"/>
      <c r="W1563" s="548"/>
      <c r="X1563" s="548"/>
      <c r="Y1563" s="548"/>
      <c r="Z1563" s="548"/>
      <c r="AA1563" s="548"/>
      <c r="AB1563" s="548"/>
      <c r="AC1563" s="548"/>
      <c r="AD1563" s="548"/>
      <c r="AE1563" s="548"/>
      <c r="AF1563" s="548"/>
      <c r="AG1563" s="548"/>
      <c r="AH1563" s="548"/>
      <c r="AI1563" s="548"/>
      <c r="AJ1563" s="548"/>
      <c r="AK1563" s="227"/>
      <c r="AL1563" s="228"/>
    </row>
    <row r="1564" spans="1:38" thickBot="1">
      <c r="A1564" s="561"/>
      <c r="B1564" s="562"/>
      <c r="C1564" s="549"/>
      <c r="D1564" s="550"/>
      <c r="E1564" s="550"/>
      <c r="F1564" s="550"/>
      <c r="G1564" s="550"/>
      <c r="H1564" s="550"/>
      <c r="I1564" s="550"/>
      <c r="J1564" s="550"/>
      <c r="K1564" s="550"/>
      <c r="L1564" s="550"/>
      <c r="M1564" s="550"/>
      <c r="N1564" s="550"/>
      <c r="O1564" s="550"/>
      <c r="P1564" s="550"/>
      <c r="Q1564" s="550"/>
      <c r="R1564" s="550"/>
      <c r="S1564" s="550"/>
      <c r="T1564" s="550"/>
      <c r="U1564" s="550"/>
      <c r="V1564" s="550"/>
      <c r="W1564" s="550"/>
      <c r="X1564" s="550"/>
      <c r="Y1564" s="550"/>
      <c r="Z1564" s="550"/>
      <c r="AA1564" s="550"/>
      <c r="AB1564" s="550"/>
      <c r="AC1564" s="550"/>
      <c r="AD1564" s="550"/>
      <c r="AE1564" s="550"/>
      <c r="AF1564" s="550"/>
      <c r="AG1564" s="550"/>
      <c r="AH1564" s="550"/>
      <c r="AI1564" s="550"/>
      <c r="AJ1564" s="550"/>
      <c r="AK1564" s="229"/>
      <c r="AL1564" s="230"/>
    </row>
    <row r="1565" spans="1:38" thickTop="1"/>
    <row r="1566" spans="1:38" ht="13">
      <c r="A1566" s="33" t="s">
        <v>279</v>
      </c>
    </row>
    <row r="1567" spans="1:38" thickBot="1">
      <c r="A1567" s="34" t="s">
        <v>318</v>
      </c>
    </row>
    <row r="1568" spans="1:38" ht="14.25" customHeight="1" thickTop="1">
      <c r="A1568" s="215">
        <v>158</v>
      </c>
      <c r="B1568" s="239"/>
      <c r="C1568" s="511" t="s">
        <v>629</v>
      </c>
      <c r="D1568" s="512"/>
      <c r="E1568" s="512"/>
      <c r="F1568" s="512"/>
      <c r="G1568" s="512"/>
      <c r="H1568" s="512"/>
      <c r="I1568" s="512"/>
      <c r="J1568" s="512"/>
      <c r="K1568" s="512"/>
      <c r="L1568" s="512"/>
      <c r="M1568" s="512"/>
      <c r="N1568" s="512"/>
      <c r="O1568" s="512"/>
      <c r="P1568" s="512"/>
      <c r="Q1568" s="512"/>
      <c r="R1568" s="512"/>
      <c r="S1568" s="512"/>
      <c r="T1568" s="512"/>
      <c r="U1568" s="512"/>
      <c r="V1568" s="512"/>
      <c r="W1568" s="512"/>
      <c r="X1568" s="512"/>
      <c r="Y1568" s="512"/>
      <c r="Z1568" s="512"/>
      <c r="AA1568" s="512"/>
      <c r="AB1568" s="512"/>
      <c r="AC1568" s="512"/>
      <c r="AD1568" s="512"/>
      <c r="AE1568" s="512"/>
      <c r="AF1568" s="512"/>
      <c r="AG1568" s="512"/>
      <c r="AH1568" s="512"/>
      <c r="AI1568" s="512"/>
      <c r="AJ1568" s="513"/>
      <c r="AK1568" s="227"/>
      <c r="AL1568" s="228"/>
    </row>
    <row r="1569" spans="1:38" thickBot="1">
      <c r="A1569" s="217"/>
      <c r="B1569" s="240"/>
      <c r="C1569" s="514"/>
      <c r="D1569" s="515"/>
      <c r="E1569" s="515"/>
      <c r="F1569" s="515"/>
      <c r="G1569" s="515"/>
      <c r="H1569" s="515"/>
      <c r="I1569" s="515"/>
      <c r="J1569" s="515"/>
      <c r="K1569" s="515"/>
      <c r="L1569" s="515"/>
      <c r="M1569" s="515"/>
      <c r="N1569" s="515"/>
      <c r="O1569" s="515"/>
      <c r="P1569" s="515"/>
      <c r="Q1569" s="515"/>
      <c r="R1569" s="515"/>
      <c r="S1569" s="515"/>
      <c r="T1569" s="515"/>
      <c r="U1569" s="515"/>
      <c r="V1569" s="515"/>
      <c r="W1569" s="515"/>
      <c r="X1569" s="515"/>
      <c r="Y1569" s="515"/>
      <c r="Z1569" s="515"/>
      <c r="AA1569" s="515"/>
      <c r="AB1569" s="515"/>
      <c r="AC1569" s="515"/>
      <c r="AD1569" s="515"/>
      <c r="AE1569" s="515"/>
      <c r="AF1569" s="515"/>
      <c r="AG1569" s="515"/>
      <c r="AH1569" s="515"/>
      <c r="AI1569" s="515"/>
      <c r="AJ1569" s="516"/>
      <c r="AK1569" s="229"/>
      <c r="AL1569" s="230"/>
    </row>
    <row r="1570" spans="1:38" ht="13.5" customHeight="1" thickTop="1"/>
    <row r="1571" spans="1:38" s="25" customFormat="1" thickBot="1">
      <c r="A1571" s="6" t="s">
        <v>256</v>
      </c>
    </row>
    <row r="1572" spans="1:38" ht="14.25" customHeight="1" thickTop="1">
      <c r="A1572" s="215">
        <v>159</v>
      </c>
      <c r="B1572" s="239"/>
      <c r="C1572" s="501" t="s">
        <v>630</v>
      </c>
      <c r="D1572" s="502"/>
      <c r="E1572" s="502"/>
      <c r="F1572" s="502"/>
      <c r="G1572" s="502"/>
      <c r="H1572" s="502"/>
      <c r="I1572" s="502"/>
      <c r="J1572" s="502"/>
      <c r="K1572" s="502"/>
      <c r="L1572" s="502"/>
      <c r="M1572" s="502"/>
      <c r="N1572" s="502"/>
      <c r="O1572" s="502"/>
      <c r="P1572" s="502"/>
      <c r="Q1572" s="502"/>
      <c r="R1572" s="502"/>
      <c r="S1572" s="502"/>
      <c r="T1572" s="502"/>
      <c r="U1572" s="502"/>
      <c r="V1572" s="502"/>
      <c r="W1572" s="502"/>
      <c r="X1572" s="502"/>
      <c r="Y1572" s="502"/>
      <c r="Z1572" s="502"/>
      <c r="AA1572" s="502"/>
      <c r="AB1572" s="502"/>
      <c r="AC1572" s="502"/>
      <c r="AD1572" s="502"/>
      <c r="AE1572" s="502"/>
      <c r="AF1572" s="502"/>
      <c r="AG1572" s="502"/>
      <c r="AH1572" s="502"/>
      <c r="AI1572" s="502"/>
      <c r="AJ1572" s="521"/>
      <c r="AK1572" s="227"/>
      <c r="AL1572" s="228"/>
    </row>
    <row r="1573" spans="1:38" thickBot="1">
      <c r="A1573" s="217"/>
      <c r="B1573" s="240"/>
      <c r="C1573" s="503"/>
      <c r="D1573" s="504"/>
      <c r="E1573" s="504"/>
      <c r="F1573" s="504"/>
      <c r="G1573" s="504"/>
      <c r="H1573" s="504"/>
      <c r="I1573" s="504"/>
      <c r="J1573" s="504"/>
      <c r="K1573" s="504"/>
      <c r="L1573" s="504"/>
      <c r="M1573" s="504"/>
      <c r="N1573" s="504"/>
      <c r="O1573" s="504"/>
      <c r="P1573" s="504"/>
      <c r="Q1573" s="504"/>
      <c r="R1573" s="504"/>
      <c r="S1573" s="504"/>
      <c r="T1573" s="504"/>
      <c r="U1573" s="504"/>
      <c r="V1573" s="504"/>
      <c r="W1573" s="504"/>
      <c r="X1573" s="504"/>
      <c r="Y1573" s="504"/>
      <c r="Z1573" s="504"/>
      <c r="AA1573" s="504"/>
      <c r="AB1573" s="504"/>
      <c r="AC1573" s="504"/>
      <c r="AD1573" s="504"/>
      <c r="AE1573" s="504"/>
      <c r="AF1573" s="504"/>
      <c r="AG1573" s="504"/>
      <c r="AH1573" s="504"/>
      <c r="AI1573" s="504"/>
      <c r="AJ1573" s="522"/>
      <c r="AK1573" s="229"/>
      <c r="AL1573" s="230"/>
    </row>
    <row r="1574" spans="1:38" thickTop="1">
      <c r="A1574" s="47"/>
      <c r="B1574" s="47"/>
      <c r="C1574" s="505"/>
      <c r="D1574" s="506"/>
      <c r="E1574" s="506"/>
      <c r="F1574" s="506"/>
      <c r="G1574" s="506"/>
      <c r="H1574" s="506"/>
      <c r="I1574" s="506"/>
      <c r="J1574" s="506"/>
      <c r="K1574" s="506"/>
      <c r="L1574" s="506"/>
      <c r="M1574" s="506"/>
      <c r="N1574" s="506"/>
      <c r="O1574" s="506"/>
      <c r="P1574" s="506"/>
      <c r="Q1574" s="506"/>
      <c r="R1574" s="506"/>
      <c r="S1574" s="506"/>
      <c r="T1574" s="506"/>
      <c r="U1574" s="506"/>
      <c r="V1574" s="506"/>
      <c r="W1574" s="506"/>
      <c r="X1574" s="506"/>
      <c r="Y1574" s="506"/>
      <c r="Z1574" s="506"/>
      <c r="AA1574" s="506"/>
      <c r="AB1574" s="506"/>
      <c r="AC1574" s="506"/>
      <c r="AD1574" s="506"/>
      <c r="AE1574" s="506"/>
      <c r="AF1574" s="506"/>
      <c r="AG1574" s="506"/>
      <c r="AH1574" s="506"/>
      <c r="AI1574" s="506"/>
      <c r="AJ1574" s="523"/>
      <c r="AK1574" s="46"/>
      <c r="AL1574" s="46"/>
    </row>
    <row r="1575" spans="1:38" thickBot="1"/>
    <row r="1576" spans="1:38" thickTop="1">
      <c r="C1576" s="326" t="s">
        <v>422</v>
      </c>
      <c r="D1576" s="327"/>
      <c r="E1576" s="327"/>
      <c r="F1576" s="327"/>
      <c r="G1576" s="327"/>
      <c r="H1576" s="327"/>
      <c r="I1576" s="327"/>
      <c r="J1576" s="327"/>
      <c r="K1576" s="327"/>
      <c r="L1576" s="327"/>
      <c r="M1576" s="327"/>
      <c r="N1576" s="327"/>
      <c r="O1576" s="327"/>
      <c r="P1576" s="327"/>
      <c r="Q1576" s="327"/>
      <c r="R1576" s="327"/>
      <c r="S1576" s="327"/>
      <c r="T1576" s="327"/>
      <c r="U1576" s="327"/>
      <c r="V1576" s="327"/>
      <c r="W1576" s="327"/>
      <c r="X1576" s="327"/>
      <c r="Y1576" s="327"/>
      <c r="Z1576" s="327"/>
      <c r="AA1576" s="327"/>
      <c r="AB1576" s="327"/>
      <c r="AC1576" s="327"/>
      <c r="AD1576" s="327"/>
      <c r="AE1576" s="327"/>
      <c r="AF1576" s="327"/>
      <c r="AG1576" s="327"/>
      <c r="AH1576" s="327"/>
      <c r="AI1576" s="327"/>
      <c r="AJ1576" s="328"/>
      <c r="AK1576" s="227"/>
      <c r="AL1576" s="228"/>
    </row>
    <row r="1577" spans="1:38" thickBot="1">
      <c r="C1577" s="329"/>
      <c r="D1577" s="330"/>
      <c r="E1577" s="330"/>
      <c r="F1577" s="330"/>
      <c r="G1577" s="330"/>
      <c r="H1577" s="330"/>
      <c r="I1577" s="330"/>
      <c r="J1577" s="330"/>
      <c r="K1577" s="330"/>
      <c r="L1577" s="330"/>
      <c r="M1577" s="330"/>
      <c r="N1577" s="330"/>
      <c r="O1577" s="330"/>
      <c r="P1577" s="330"/>
      <c r="Q1577" s="330"/>
      <c r="R1577" s="330"/>
      <c r="S1577" s="330"/>
      <c r="T1577" s="330"/>
      <c r="U1577" s="330"/>
      <c r="V1577" s="330"/>
      <c r="W1577" s="330"/>
      <c r="X1577" s="330"/>
      <c r="Y1577" s="330"/>
      <c r="Z1577" s="330"/>
      <c r="AA1577" s="330"/>
      <c r="AB1577" s="330"/>
      <c r="AC1577" s="330"/>
      <c r="AD1577" s="330"/>
      <c r="AE1577" s="330"/>
      <c r="AF1577" s="330"/>
      <c r="AG1577" s="330"/>
      <c r="AH1577" s="330"/>
      <c r="AI1577" s="330"/>
      <c r="AJ1577" s="331"/>
      <c r="AK1577" s="229"/>
      <c r="AL1577" s="230"/>
    </row>
    <row r="1578" spans="1:38" thickTop="1">
      <c r="C1578" s="332"/>
      <c r="D1578" s="333"/>
      <c r="E1578" s="333"/>
      <c r="F1578" s="333"/>
      <c r="G1578" s="333"/>
      <c r="H1578" s="333"/>
      <c r="I1578" s="333"/>
      <c r="J1578" s="333"/>
      <c r="K1578" s="333"/>
      <c r="L1578" s="333"/>
      <c r="M1578" s="333"/>
      <c r="N1578" s="333"/>
      <c r="O1578" s="333"/>
      <c r="P1578" s="333"/>
      <c r="Q1578" s="333"/>
      <c r="R1578" s="333"/>
      <c r="S1578" s="333"/>
      <c r="T1578" s="333"/>
      <c r="U1578" s="333"/>
      <c r="V1578" s="333"/>
      <c r="W1578" s="333"/>
      <c r="X1578" s="333"/>
      <c r="Y1578" s="333"/>
      <c r="Z1578" s="333"/>
      <c r="AA1578" s="333"/>
      <c r="AB1578" s="333"/>
      <c r="AC1578" s="333"/>
      <c r="AD1578" s="333"/>
      <c r="AE1578" s="333"/>
      <c r="AF1578" s="333"/>
      <c r="AG1578" s="333"/>
      <c r="AH1578" s="333"/>
      <c r="AI1578" s="333"/>
      <c r="AJ1578" s="334"/>
      <c r="AK1578" s="26"/>
    </row>
    <row r="1579" spans="1:38" ht="13">
      <c r="C1579" s="36"/>
      <c r="D1579" s="36"/>
      <c r="E1579" s="36"/>
      <c r="F1579" s="36"/>
      <c r="G1579" s="36"/>
      <c r="H1579" s="36"/>
      <c r="I1579" s="36"/>
      <c r="J1579" s="36"/>
      <c r="K1579" s="36"/>
      <c r="L1579" s="36"/>
      <c r="M1579" s="36"/>
      <c r="N1579" s="36"/>
      <c r="O1579" s="36"/>
      <c r="P1579" s="36"/>
      <c r="Q1579" s="36"/>
      <c r="R1579" s="36"/>
      <c r="S1579" s="36"/>
      <c r="T1579" s="36"/>
      <c r="U1579" s="36"/>
      <c r="V1579" s="36"/>
      <c r="W1579" s="36"/>
      <c r="X1579" s="36"/>
      <c r="Y1579" s="36"/>
      <c r="Z1579" s="36"/>
      <c r="AA1579" s="36"/>
      <c r="AB1579" s="36"/>
      <c r="AC1579" s="36"/>
      <c r="AD1579" s="36"/>
      <c r="AE1579" s="36"/>
      <c r="AF1579" s="36"/>
      <c r="AG1579" s="36"/>
      <c r="AH1579" s="36"/>
      <c r="AI1579" s="36"/>
      <c r="AJ1579" s="36"/>
      <c r="AK1579" s="24"/>
    </row>
    <row r="1580" spans="1:38" ht="13.5" customHeight="1" thickBot="1">
      <c r="A1580" s="2" t="s">
        <v>321</v>
      </c>
    </row>
    <row r="1581" spans="1:38" ht="14.25" customHeight="1" thickTop="1">
      <c r="A1581" s="215">
        <v>160</v>
      </c>
      <c r="B1581" s="239"/>
      <c r="C1581" s="501" t="s">
        <v>631</v>
      </c>
      <c r="D1581" s="502"/>
      <c r="E1581" s="502"/>
      <c r="F1581" s="502"/>
      <c r="G1581" s="502"/>
      <c r="H1581" s="502"/>
      <c r="I1581" s="502"/>
      <c r="J1581" s="502"/>
      <c r="K1581" s="502"/>
      <c r="L1581" s="502"/>
      <c r="M1581" s="502"/>
      <c r="N1581" s="502"/>
      <c r="O1581" s="502"/>
      <c r="P1581" s="502"/>
      <c r="Q1581" s="502"/>
      <c r="R1581" s="502"/>
      <c r="S1581" s="502"/>
      <c r="T1581" s="502"/>
      <c r="U1581" s="502"/>
      <c r="V1581" s="502"/>
      <c r="W1581" s="502"/>
      <c r="X1581" s="502"/>
      <c r="Y1581" s="502"/>
      <c r="Z1581" s="502"/>
      <c r="AA1581" s="502"/>
      <c r="AB1581" s="502"/>
      <c r="AC1581" s="502"/>
      <c r="AD1581" s="502"/>
      <c r="AE1581" s="502"/>
      <c r="AF1581" s="502"/>
      <c r="AG1581" s="502"/>
      <c r="AH1581" s="502"/>
      <c r="AI1581" s="502"/>
      <c r="AJ1581" s="521"/>
      <c r="AK1581" s="227"/>
      <c r="AL1581" s="228"/>
    </row>
    <row r="1582" spans="1:38" thickBot="1">
      <c r="A1582" s="217"/>
      <c r="B1582" s="240"/>
      <c r="C1582" s="503"/>
      <c r="D1582" s="504"/>
      <c r="E1582" s="504"/>
      <c r="F1582" s="504"/>
      <c r="G1582" s="504"/>
      <c r="H1582" s="504"/>
      <c r="I1582" s="504"/>
      <c r="J1582" s="504"/>
      <c r="K1582" s="504"/>
      <c r="L1582" s="504"/>
      <c r="M1582" s="504"/>
      <c r="N1582" s="504"/>
      <c r="O1582" s="504"/>
      <c r="P1582" s="504"/>
      <c r="Q1582" s="504"/>
      <c r="R1582" s="504"/>
      <c r="S1582" s="504"/>
      <c r="T1582" s="504"/>
      <c r="U1582" s="504"/>
      <c r="V1582" s="504"/>
      <c r="W1582" s="504"/>
      <c r="X1582" s="504"/>
      <c r="Y1582" s="504"/>
      <c r="Z1582" s="504"/>
      <c r="AA1582" s="504"/>
      <c r="AB1582" s="504"/>
      <c r="AC1582" s="504"/>
      <c r="AD1582" s="504"/>
      <c r="AE1582" s="504"/>
      <c r="AF1582" s="504"/>
      <c r="AG1582" s="504"/>
      <c r="AH1582" s="504"/>
      <c r="AI1582" s="504"/>
      <c r="AJ1582" s="522"/>
      <c r="AK1582" s="229"/>
      <c r="AL1582" s="230"/>
    </row>
    <row r="1583" spans="1:38" thickTop="1">
      <c r="A1583" s="47"/>
      <c r="B1583" s="47"/>
      <c r="C1583" s="505"/>
      <c r="D1583" s="506"/>
      <c r="E1583" s="506"/>
      <c r="F1583" s="506"/>
      <c r="G1583" s="506"/>
      <c r="H1583" s="506"/>
      <c r="I1583" s="506"/>
      <c r="J1583" s="506"/>
      <c r="K1583" s="506"/>
      <c r="L1583" s="506"/>
      <c r="M1583" s="506"/>
      <c r="N1583" s="506"/>
      <c r="O1583" s="506"/>
      <c r="P1583" s="506"/>
      <c r="Q1583" s="506"/>
      <c r="R1583" s="506"/>
      <c r="S1583" s="506"/>
      <c r="T1583" s="506"/>
      <c r="U1583" s="506"/>
      <c r="V1583" s="506"/>
      <c r="W1583" s="506"/>
      <c r="X1583" s="506"/>
      <c r="Y1583" s="506"/>
      <c r="Z1583" s="506"/>
      <c r="AA1583" s="506"/>
      <c r="AB1583" s="506"/>
      <c r="AC1583" s="506"/>
      <c r="AD1583" s="506"/>
      <c r="AE1583" s="506"/>
      <c r="AF1583" s="506"/>
      <c r="AG1583" s="506"/>
      <c r="AH1583" s="506"/>
      <c r="AI1583" s="506"/>
      <c r="AJ1583" s="523"/>
      <c r="AK1583" s="46"/>
      <c r="AL1583" s="46"/>
    </row>
    <row r="1584" spans="1:38" ht="13">
      <c r="C1584" s="27"/>
      <c r="D1584" s="36"/>
      <c r="E1584" s="36"/>
      <c r="F1584" s="36"/>
      <c r="G1584" s="36"/>
      <c r="H1584" s="36"/>
      <c r="I1584" s="36"/>
      <c r="J1584" s="36"/>
      <c r="K1584" s="36"/>
      <c r="L1584" s="36"/>
      <c r="M1584" s="36"/>
      <c r="N1584" s="36"/>
      <c r="O1584" s="36"/>
      <c r="P1584" s="36"/>
      <c r="Q1584" s="36"/>
      <c r="R1584" s="36"/>
      <c r="S1584" s="36"/>
      <c r="T1584" s="36"/>
      <c r="U1584" s="36"/>
      <c r="V1584" s="36"/>
      <c r="W1584" s="36"/>
      <c r="X1584" s="36"/>
      <c r="Y1584" s="36"/>
      <c r="Z1584" s="36"/>
      <c r="AA1584" s="36"/>
      <c r="AB1584" s="36"/>
      <c r="AC1584" s="36"/>
      <c r="AD1584" s="36"/>
      <c r="AE1584" s="36"/>
      <c r="AF1584" s="36"/>
      <c r="AG1584" s="36"/>
      <c r="AH1584" s="36"/>
      <c r="AI1584" s="36"/>
      <c r="AJ1584" s="36"/>
      <c r="AK1584" s="24"/>
    </row>
    <row r="1585" spans="3:37" ht="13">
      <c r="C1585" s="538" t="s">
        <v>267</v>
      </c>
      <c r="D1585" s="539"/>
      <c r="E1585" s="539"/>
      <c r="F1585" s="539"/>
      <c r="G1585" s="539"/>
      <c r="H1585" s="539"/>
      <c r="I1585" s="539"/>
      <c r="J1585" s="539"/>
      <c r="K1585" s="539"/>
      <c r="L1585" s="539"/>
      <c r="M1585" s="539"/>
      <c r="N1585" s="539"/>
      <c r="O1585" s="539"/>
      <c r="P1585" s="539"/>
      <c r="Q1585" s="539"/>
      <c r="R1585" s="539"/>
      <c r="S1585" s="539"/>
      <c r="T1585" s="539"/>
      <c r="U1585" s="539"/>
      <c r="V1585" s="539"/>
      <c r="W1585" s="539"/>
      <c r="X1585" s="539"/>
      <c r="Y1585" s="539"/>
      <c r="Z1585" s="539"/>
      <c r="AA1585" s="539"/>
      <c r="AB1585" s="539"/>
      <c r="AC1585" s="539"/>
      <c r="AD1585" s="539"/>
      <c r="AE1585" s="539"/>
      <c r="AF1585" s="539"/>
      <c r="AG1585" s="539"/>
      <c r="AH1585" s="539"/>
      <c r="AI1585" s="539"/>
      <c r="AJ1585" s="540"/>
      <c r="AK1585" s="24"/>
    </row>
    <row r="1586" spans="3:37" ht="13">
      <c r="C1586" s="541"/>
      <c r="D1586" s="542"/>
      <c r="E1586" s="542"/>
      <c r="F1586" s="542"/>
      <c r="G1586" s="542"/>
      <c r="H1586" s="542"/>
      <c r="I1586" s="542"/>
      <c r="J1586" s="542"/>
      <c r="K1586" s="542"/>
      <c r="L1586" s="542"/>
      <c r="M1586" s="542"/>
      <c r="N1586" s="542"/>
      <c r="O1586" s="542"/>
      <c r="P1586" s="542"/>
      <c r="Q1586" s="542"/>
      <c r="R1586" s="542"/>
      <c r="S1586" s="542"/>
      <c r="T1586" s="542"/>
      <c r="U1586" s="542"/>
      <c r="V1586" s="542"/>
      <c r="W1586" s="542"/>
      <c r="X1586" s="542"/>
      <c r="Y1586" s="542"/>
      <c r="Z1586" s="542"/>
      <c r="AA1586" s="542"/>
      <c r="AB1586" s="542"/>
      <c r="AC1586" s="542"/>
      <c r="AD1586" s="542"/>
      <c r="AE1586" s="542"/>
      <c r="AF1586" s="542"/>
      <c r="AG1586" s="542"/>
      <c r="AH1586" s="542"/>
      <c r="AI1586" s="542"/>
      <c r="AJ1586" s="543"/>
      <c r="AK1586" s="24"/>
    </row>
    <row r="1587" spans="3:37" ht="16" customHeight="1">
      <c r="C1587" s="544"/>
      <c r="D1587" s="545"/>
      <c r="E1587" s="545"/>
      <c r="F1587" s="545"/>
      <c r="G1587" s="545"/>
      <c r="H1587" s="545"/>
      <c r="I1587" s="545"/>
      <c r="J1587" s="545"/>
      <c r="K1587" s="545"/>
      <c r="L1587" s="545"/>
      <c r="M1587" s="545"/>
      <c r="N1587" s="545"/>
      <c r="O1587" s="545"/>
      <c r="P1587" s="545"/>
      <c r="Q1587" s="545"/>
      <c r="R1587" s="545"/>
      <c r="S1587" s="545"/>
      <c r="T1587" s="545"/>
      <c r="U1587" s="545"/>
      <c r="V1587" s="545"/>
      <c r="W1587" s="545"/>
      <c r="X1587" s="545"/>
      <c r="Y1587" s="545"/>
      <c r="Z1587" s="545"/>
      <c r="AA1587" s="545"/>
      <c r="AB1587" s="545"/>
      <c r="AC1587" s="545"/>
      <c r="AD1587" s="545"/>
      <c r="AE1587" s="545"/>
      <c r="AF1587" s="545"/>
      <c r="AG1587" s="545"/>
      <c r="AH1587" s="545"/>
      <c r="AI1587" s="545"/>
      <c r="AJ1587" s="546"/>
      <c r="AK1587" s="24"/>
    </row>
    <row r="1588" spans="3:37" ht="13">
      <c r="AF1588" s="44"/>
      <c r="AG1588" s="44" t="s">
        <v>212</v>
      </c>
    </row>
  </sheetData>
  <mergeCells count="1073">
    <mergeCell ref="A1563:B1564"/>
    <mergeCell ref="AI226:AJ226"/>
    <mergeCell ref="A1007:B1008"/>
    <mergeCell ref="C1007:AJ1013"/>
    <mergeCell ref="AK1007:AL1008"/>
    <mergeCell ref="D1014:AJ1015"/>
    <mergeCell ref="A1019:B1020"/>
    <mergeCell ref="C1019:AJ1022"/>
    <mergeCell ref="AK1019:AL1020"/>
    <mergeCell ref="D1023:AJ1024"/>
    <mergeCell ref="C298:AJ300"/>
    <mergeCell ref="AK1320:AL1321"/>
    <mergeCell ref="AK1061:AL1062"/>
    <mergeCell ref="C1066:AJ1067"/>
    <mergeCell ref="AK1066:AL1067"/>
    <mergeCell ref="C1068:AJ1070"/>
    <mergeCell ref="AK1068:AL1069"/>
    <mergeCell ref="C1073:AJ1074"/>
    <mergeCell ref="D912:AJ913"/>
    <mergeCell ref="D922:AJ922"/>
    <mergeCell ref="D924:AK924"/>
    <mergeCell ref="C1167:AJ1170"/>
    <mergeCell ref="AK1167:AL1168"/>
    <mergeCell ref="D1087:AJ1088"/>
    <mergeCell ref="E1192:AJ1192"/>
    <mergeCell ref="D1194:AJ1197"/>
    <mergeCell ref="C1305:AJ1306"/>
    <mergeCell ref="C820:AJ821"/>
    <mergeCell ref="AK820:AL821"/>
    <mergeCell ref="D1056:AJ1056"/>
    <mergeCell ref="C1235:AJ1237"/>
    <mergeCell ref="AK1235:AL1236"/>
    <mergeCell ref="AK962:AL963"/>
    <mergeCell ref="C967:AJ969"/>
    <mergeCell ref="AK967:AL968"/>
    <mergeCell ref="C962:AJ966"/>
    <mergeCell ref="C830:AJ831"/>
    <mergeCell ref="AK830:AL831"/>
    <mergeCell ref="C832:AJ833"/>
    <mergeCell ref="AK832:AL833"/>
    <mergeCell ref="AK1171:AL1172"/>
    <mergeCell ref="D1529:D1530"/>
    <mergeCell ref="E1529:AJ1530"/>
    <mergeCell ref="AK1529:AL1530"/>
    <mergeCell ref="C1085:AJ1086"/>
    <mergeCell ref="AK1085:AL1086"/>
    <mergeCell ref="C1112:AJ1113"/>
    <mergeCell ref="AK1112:AL1113"/>
    <mergeCell ref="C1114:AJ1115"/>
    <mergeCell ref="AK1114:AL1115"/>
    <mergeCell ref="D1116:AJ1117"/>
    <mergeCell ref="C1120:AJ1122"/>
    <mergeCell ref="AK1120:AL1121"/>
    <mergeCell ref="C1123:AJ1125"/>
    <mergeCell ref="AK1123:AL1124"/>
    <mergeCell ref="C1126:AJ1129"/>
    <mergeCell ref="AK1126:AL1127"/>
    <mergeCell ref="AK1341:AL1342"/>
    <mergeCell ref="C1318:AJ1319"/>
    <mergeCell ref="AK1318:AL1319"/>
    <mergeCell ref="C1320:AJ1321"/>
    <mergeCell ref="C1322:AJ1324"/>
    <mergeCell ref="AK1322:AL1323"/>
    <mergeCell ref="C1179:AJ1180"/>
    <mergeCell ref="AK1179:AL1180"/>
    <mergeCell ref="C1176:AJ1178"/>
    <mergeCell ref="AK1176:AL1177"/>
    <mergeCell ref="C1181:AJ1184"/>
    <mergeCell ref="AK1181:AL1182"/>
    <mergeCell ref="C1242:AJ1243"/>
    <mergeCell ref="AK1242:AL1243"/>
    <mergeCell ref="D1280:AJ1282"/>
    <mergeCell ref="C1332:AJ1333"/>
    <mergeCell ref="C1585:AJ1587"/>
    <mergeCell ref="C1563:AJ1564"/>
    <mergeCell ref="AK1563:AL1564"/>
    <mergeCell ref="C1208:AJ1209"/>
    <mergeCell ref="AK1208:AL1209"/>
    <mergeCell ref="C1210:AJ1211"/>
    <mergeCell ref="C1240:AJ1241"/>
    <mergeCell ref="AK1240:AL1241"/>
    <mergeCell ref="C1245:AJ1246"/>
    <mergeCell ref="AK1245:AL1246"/>
    <mergeCell ref="C1224:AJ1226"/>
    <mergeCell ref="AK1224:AL1225"/>
    <mergeCell ref="C1227:AJ1228"/>
    <mergeCell ref="AK1227:AL1228"/>
    <mergeCell ref="C1229:AJ1230"/>
    <mergeCell ref="AK1229:AL1230"/>
    <mergeCell ref="AK1271:AL1272"/>
    <mergeCell ref="D1274:AJ1274"/>
    <mergeCell ref="D1275:AJ1277"/>
    <mergeCell ref="D1278:AJ1279"/>
    <mergeCell ref="AK1517:AL1518"/>
    <mergeCell ref="D1523:D1524"/>
    <mergeCell ref="E1523:AJ1524"/>
    <mergeCell ref="AK1523:AL1524"/>
    <mergeCell ref="D1525:D1526"/>
    <mergeCell ref="E1525:AJ1526"/>
    <mergeCell ref="AK1525:AL1526"/>
    <mergeCell ref="D1527:D1528"/>
    <mergeCell ref="E1527:AJ1528"/>
    <mergeCell ref="AK1527:AL1528"/>
    <mergeCell ref="AK1330:AL1331"/>
    <mergeCell ref="C1339:AJ1340"/>
    <mergeCell ref="C1106:AJ1108"/>
    <mergeCell ref="AK1106:AL1107"/>
    <mergeCell ref="C1110:AJ1111"/>
    <mergeCell ref="AK1110:AL1111"/>
    <mergeCell ref="C1231:AJ1232"/>
    <mergeCell ref="AK1231:AL1232"/>
    <mergeCell ref="C1233:AJ1234"/>
    <mergeCell ref="AK1233:AL1234"/>
    <mergeCell ref="C1133:AJ1135"/>
    <mergeCell ref="AK1133:AL1134"/>
    <mergeCell ref="E1191:AJ1191"/>
    <mergeCell ref="C1325:AJ1327"/>
    <mergeCell ref="C1328:AJ1329"/>
    <mergeCell ref="AK1328:AL1329"/>
    <mergeCell ref="C1307:AJ1308"/>
    <mergeCell ref="AK1307:AL1308"/>
    <mergeCell ref="C1310:AJ1312"/>
    <mergeCell ref="AK1310:AL1311"/>
    <mergeCell ref="C1313:AJ1315"/>
    <mergeCell ref="AK1313:AL1314"/>
    <mergeCell ref="C1316:AJ1317"/>
    <mergeCell ref="AK1316:AL1317"/>
    <mergeCell ref="C1090:AJ1092"/>
    <mergeCell ref="AK1090:AL1091"/>
    <mergeCell ref="C1094:AJ1095"/>
    <mergeCell ref="AK1094:AL1095"/>
    <mergeCell ref="C1096:AJ1097"/>
    <mergeCell ref="AK1096:AL1097"/>
    <mergeCell ref="C1098:AJ1100"/>
    <mergeCell ref="AK1098:AL1099"/>
    <mergeCell ref="C1101:AJ1102"/>
    <mergeCell ref="AK1101:AL1102"/>
    <mergeCell ref="AK1073:AL1074"/>
    <mergeCell ref="C1075:AJ1076"/>
    <mergeCell ref="AK1075:AL1076"/>
    <mergeCell ref="C1077:AJ1078"/>
    <mergeCell ref="AK1077:AL1078"/>
    <mergeCell ref="C1079:AJ1080"/>
    <mergeCell ref="AK1079:AL1080"/>
    <mergeCell ref="C1081:AJ1082"/>
    <mergeCell ref="AK1081:AL1082"/>
    <mergeCell ref="C1083:AJ1084"/>
    <mergeCell ref="AK1255:AL1256"/>
    <mergeCell ref="C1257:AJ1258"/>
    <mergeCell ref="AK1257:AL1258"/>
    <mergeCell ref="C1238:AJ1239"/>
    <mergeCell ref="AK1238:AL1239"/>
    <mergeCell ref="C1552:AJ1553"/>
    <mergeCell ref="AK1552:AL1553"/>
    <mergeCell ref="C1554:AJ1555"/>
    <mergeCell ref="AK1554:AL1555"/>
    <mergeCell ref="C1546:AJ1547"/>
    <mergeCell ref="AK1546:AL1547"/>
    <mergeCell ref="C1548:AJ1549"/>
    <mergeCell ref="AK1548:AL1549"/>
    <mergeCell ref="C1550:AJ1551"/>
    <mergeCell ref="AK1550:AL1551"/>
    <mergeCell ref="C1492:AJ1494"/>
    <mergeCell ref="AK1492:AL1493"/>
    <mergeCell ref="C1500:AJ1501"/>
    <mergeCell ref="D885:AJ886"/>
    <mergeCell ref="D887:AJ889"/>
    <mergeCell ref="C1495:AJ1497"/>
    <mergeCell ref="AK1495:AL1496"/>
    <mergeCell ref="C1498:AJ1499"/>
    <mergeCell ref="AK1498:AL1499"/>
    <mergeCell ref="AK1500:AL1501"/>
    <mergeCell ref="C1410:AJ1411"/>
    <mergeCell ref="AK1410:AL1411"/>
    <mergeCell ref="C1438:AJ1439"/>
    <mergeCell ref="AK1438:AL1439"/>
    <mergeCell ref="D1440:AJ1441"/>
    <mergeCell ref="AK1305:AL1306"/>
    <mergeCell ref="D1531:D1532"/>
    <mergeCell ref="E1531:AJ1532"/>
    <mergeCell ref="AK1531:AL1532"/>
    <mergeCell ref="C1130:AJ1131"/>
    <mergeCell ref="AK1130:AL1131"/>
    <mergeCell ref="D1400:AJ1401"/>
    <mergeCell ref="A1538:B1539"/>
    <mergeCell ref="C1538:AJ1539"/>
    <mergeCell ref="AK1538:AL1539"/>
    <mergeCell ref="A1568:B1569"/>
    <mergeCell ref="C1568:AJ1569"/>
    <mergeCell ref="AK1568:AL1569"/>
    <mergeCell ref="C1502:AJ1503"/>
    <mergeCell ref="AK1502:AL1503"/>
    <mergeCell ref="D1504:AJ1505"/>
    <mergeCell ref="A1509:B1510"/>
    <mergeCell ref="C1509:AJ1510"/>
    <mergeCell ref="AK1509:AL1510"/>
    <mergeCell ref="A1514:B1515"/>
    <mergeCell ref="A1517:B1519"/>
    <mergeCell ref="A1581:B1582"/>
    <mergeCell ref="C1581:AJ1583"/>
    <mergeCell ref="AK1581:AL1582"/>
    <mergeCell ref="C1544:AJ1545"/>
    <mergeCell ref="AK1544:AL1545"/>
    <mergeCell ref="C1514:AJ1515"/>
    <mergeCell ref="AK1514:AL1515"/>
    <mergeCell ref="C1517:AJ1519"/>
    <mergeCell ref="C1542:AJ1543"/>
    <mergeCell ref="AK1542:AL1543"/>
    <mergeCell ref="A1572:B1573"/>
    <mergeCell ref="C1572:AJ1574"/>
    <mergeCell ref="AK1572:AL1573"/>
    <mergeCell ref="C1533:AJ1534"/>
    <mergeCell ref="AK1533:AL1534"/>
    <mergeCell ref="C1521:AJ1522"/>
    <mergeCell ref="AK1521:AL1522"/>
    <mergeCell ref="AK1559:AL1560"/>
    <mergeCell ref="A1458:B1459"/>
    <mergeCell ref="C1458:AJ1460"/>
    <mergeCell ref="AK1458:AL1459"/>
    <mergeCell ref="A1446:B1447"/>
    <mergeCell ref="C1446:AJ1448"/>
    <mergeCell ref="AK1446:AL1447"/>
    <mergeCell ref="A1450:B1451"/>
    <mergeCell ref="C1450:AJ1453"/>
    <mergeCell ref="AK1450:AL1451"/>
    <mergeCell ref="A1483:B1484"/>
    <mergeCell ref="C1483:AJ1485"/>
    <mergeCell ref="AK1483:AL1484"/>
    <mergeCell ref="A1487:B1488"/>
    <mergeCell ref="C1487:AJ1489"/>
    <mergeCell ref="AK1487:AL1488"/>
    <mergeCell ref="A1468:B1469"/>
    <mergeCell ref="C1468:AJ1470"/>
    <mergeCell ref="AK1468:AL1469"/>
    <mergeCell ref="A1479:B1480"/>
    <mergeCell ref="C1479:AJ1481"/>
    <mergeCell ref="AK1479:AL1480"/>
    <mergeCell ref="C1462:AJ1464"/>
    <mergeCell ref="AK1462:AL1463"/>
    <mergeCell ref="A1472:B1473"/>
    <mergeCell ref="C1472:AJ1475"/>
    <mergeCell ref="AK1472:AL1473"/>
    <mergeCell ref="A1455:B1456"/>
    <mergeCell ref="C1455:AJ1456"/>
    <mergeCell ref="AK1455:AL1456"/>
    <mergeCell ref="A1462:B1463"/>
    <mergeCell ref="AK1389:AL1390"/>
    <mergeCell ref="A1377:B1378"/>
    <mergeCell ref="C1377:AJ1380"/>
    <mergeCell ref="AK1377:AL1378"/>
    <mergeCell ref="C1381:AJ1381"/>
    <mergeCell ref="A1385:B1386"/>
    <mergeCell ref="C1385:AJ1387"/>
    <mergeCell ref="AK1385:AL1386"/>
    <mergeCell ref="A1199:B1200"/>
    <mergeCell ref="C1199:AJ1200"/>
    <mergeCell ref="C1139:AJ1141"/>
    <mergeCell ref="AK1139:AL1140"/>
    <mergeCell ref="A1143:B1144"/>
    <mergeCell ref="C1143:AJ1145"/>
    <mergeCell ref="AK1143:AL1144"/>
    <mergeCell ref="C1165:AJ1166"/>
    <mergeCell ref="AK1165:AL1166"/>
    <mergeCell ref="D1154:AJ1155"/>
    <mergeCell ref="C1171:AJ1173"/>
    <mergeCell ref="C1174:AJ1175"/>
    <mergeCell ref="AK1174:AL1175"/>
    <mergeCell ref="A1139:B1140"/>
    <mergeCell ref="AK1210:AL1211"/>
    <mergeCell ref="C1186:AJ1186"/>
    <mergeCell ref="E1187:AJ1187"/>
    <mergeCell ref="E1188:AJ1188"/>
    <mergeCell ref="E1189:AJ1189"/>
    <mergeCell ref="AK1339:AL1340"/>
    <mergeCell ref="C1341:AJ1342"/>
    <mergeCell ref="AK1253:AL1254"/>
    <mergeCell ref="C1259:AJ1260"/>
    <mergeCell ref="AK1259:AL1260"/>
    <mergeCell ref="A1443:B1444"/>
    <mergeCell ref="C1443:AJ1444"/>
    <mergeCell ref="AK1443:AL1444"/>
    <mergeCell ref="A1428:B1429"/>
    <mergeCell ref="C1428:AJ1431"/>
    <mergeCell ref="AK1428:AL1429"/>
    <mergeCell ref="C1434:AJ1435"/>
    <mergeCell ref="AK1434:AL1435"/>
    <mergeCell ref="C1436:AJ1437"/>
    <mergeCell ref="AK1436:AL1437"/>
    <mergeCell ref="C992:AJ993"/>
    <mergeCell ref="AK992:AL993"/>
    <mergeCell ref="A1028:B1029"/>
    <mergeCell ref="C1028:AJ1031"/>
    <mergeCell ref="AK1028:AL1029"/>
    <mergeCell ref="C998:AJ1000"/>
    <mergeCell ref="AK998:AL999"/>
    <mergeCell ref="C1001:AJ1003"/>
    <mergeCell ref="AK1001:AL1002"/>
    <mergeCell ref="AK1199:AL1200"/>
    <mergeCell ref="C1202:AJ1203"/>
    <mergeCell ref="AK1202:AL1203"/>
    <mergeCell ref="C1204:AJ1205"/>
    <mergeCell ref="A1149:B1150"/>
    <mergeCell ref="C1149:AJ1153"/>
    <mergeCell ref="AK1149:AL1150"/>
    <mergeCell ref="A1159:B1160"/>
    <mergeCell ref="C1159:AJ1162"/>
    <mergeCell ref="AK1159:AL1160"/>
    <mergeCell ref="C1405:AJ1408"/>
    <mergeCell ref="AK1405:AL1406"/>
    <mergeCell ref="A1410:B1411"/>
    <mergeCell ref="A949:B950"/>
    <mergeCell ref="C949:AJ951"/>
    <mergeCell ref="AK949:AL950"/>
    <mergeCell ref="C847:AJ848"/>
    <mergeCell ref="AK847:AL848"/>
    <mergeCell ref="AK849:AL850"/>
    <mergeCell ref="A853:B854"/>
    <mergeCell ref="AK853:AL854"/>
    <mergeCell ref="C857:AJ859"/>
    <mergeCell ref="C849:AJ851"/>
    <mergeCell ref="C877:AJ880"/>
    <mergeCell ref="AK877:AL878"/>
    <mergeCell ref="A898:B899"/>
    <mergeCell ref="C908:AJ909"/>
    <mergeCell ref="AK908:AL909"/>
    <mergeCell ref="C910:AJ911"/>
    <mergeCell ref="AK910:AL911"/>
    <mergeCell ref="C918:AJ919"/>
    <mergeCell ref="AK918:AL919"/>
    <mergeCell ref="A903:B904"/>
    <mergeCell ref="C903:AJ904"/>
    <mergeCell ref="AK903:AL904"/>
    <mergeCell ref="C941:AJ943"/>
    <mergeCell ref="AK941:AL942"/>
    <mergeCell ref="D944:AJ945"/>
    <mergeCell ref="AK898:AL899"/>
    <mergeCell ref="C906:AJ907"/>
    <mergeCell ref="A934:B935"/>
    <mergeCell ref="AK857:AL858"/>
    <mergeCell ref="D890:AJ891"/>
    <mergeCell ref="D892:AJ894"/>
    <mergeCell ref="A861:B862"/>
    <mergeCell ref="C834:AJ835"/>
    <mergeCell ref="AK834:AL835"/>
    <mergeCell ref="A843:B844"/>
    <mergeCell ref="C843:AJ845"/>
    <mergeCell ref="AK843:AL844"/>
    <mergeCell ref="C822:AJ823"/>
    <mergeCell ref="AK822:AL823"/>
    <mergeCell ref="C826:AJ827"/>
    <mergeCell ref="AK826:AL827"/>
    <mergeCell ref="C828:AJ829"/>
    <mergeCell ref="AK828:AL829"/>
    <mergeCell ref="C817:AJ819"/>
    <mergeCell ref="A866:B867"/>
    <mergeCell ref="C866:AJ868"/>
    <mergeCell ref="AK866:AL867"/>
    <mergeCell ref="C789:AJ791"/>
    <mergeCell ref="A793:B794"/>
    <mergeCell ref="AK793:AL794"/>
    <mergeCell ref="A797:B798"/>
    <mergeCell ref="C797:AJ799"/>
    <mergeCell ref="AK797:AL798"/>
    <mergeCell ref="AK817:AL818"/>
    <mergeCell ref="C815:AJ816"/>
    <mergeCell ref="AK815:AL816"/>
    <mergeCell ref="AK861:AL862"/>
    <mergeCell ref="C861:AJ864"/>
    <mergeCell ref="C853:AJ855"/>
    <mergeCell ref="AK824:AL825"/>
    <mergeCell ref="C824:AJ825"/>
    <mergeCell ref="C773:AJ775"/>
    <mergeCell ref="AK773:AL774"/>
    <mergeCell ref="A779:B780"/>
    <mergeCell ref="C779:AJ782"/>
    <mergeCell ref="AK779:AL780"/>
    <mergeCell ref="A786:B787"/>
    <mergeCell ref="C786:AJ787"/>
    <mergeCell ref="AK786:AL787"/>
    <mergeCell ref="C813:AJ814"/>
    <mergeCell ref="AK813:AL814"/>
    <mergeCell ref="A803:B804"/>
    <mergeCell ref="C803:AJ804"/>
    <mergeCell ref="AK803:AL804"/>
    <mergeCell ref="C807:AJ808"/>
    <mergeCell ref="AK807:AL808"/>
    <mergeCell ref="C811:AJ812"/>
    <mergeCell ref="AK811:AL812"/>
    <mergeCell ref="C809:AJ810"/>
    <mergeCell ref="AK809:AL810"/>
    <mergeCell ref="C793:AJ795"/>
    <mergeCell ref="A742:B743"/>
    <mergeCell ref="C742:AJ745"/>
    <mergeCell ref="AK742:AL743"/>
    <mergeCell ref="C711:AJ713"/>
    <mergeCell ref="AK711:AL712"/>
    <mergeCell ref="A724:B725"/>
    <mergeCell ref="C724:AJ728"/>
    <mergeCell ref="AK724:AL725"/>
    <mergeCell ref="C766:AJ768"/>
    <mergeCell ref="AK766:AL767"/>
    <mergeCell ref="C769:AJ770"/>
    <mergeCell ref="AK769:AL770"/>
    <mergeCell ref="C771:AJ772"/>
    <mergeCell ref="AK771:AL772"/>
    <mergeCell ref="C747:AJ749"/>
    <mergeCell ref="AK747:AL748"/>
    <mergeCell ref="A753:B754"/>
    <mergeCell ref="C753:AJ758"/>
    <mergeCell ref="AK753:AL754"/>
    <mergeCell ref="A762:B763"/>
    <mergeCell ref="C762:AJ764"/>
    <mergeCell ref="AK762:AL763"/>
    <mergeCell ref="C720:AJ722"/>
    <mergeCell ref="AK720:AL721"/>
    <mergeCell ref="C730:S732"/>
    <mergeCell ref="T730:AJ732"/>
    <mergeCell ref="C733:S734"/>
    <mergeCell ref="T733:AJ734"/>
    <mergeCell ref="A651:B652"/>
    <mergeCell ref="C651:AJ652"/>
    <mergeCell ref="AK651:AL652"/>
    <mergeCell ref="A654:B655"/>
    <mergeCell ref="C654:AJ656"/>
    <mergeCell ref="AK654:AL655"/>
    <mergeCell ref="A643:B644"/>
    <mergeCell ref="C643:AJ645"/>
    <mergeCell ref="AK643:AL644"/>
    <mergeCell ref="A647:B648"/>
    <mergeCell ref="C647:AJ649"/>
    <mergeCell ref="AK647:AL648"/>
    <mergeCell ref="AK692:AL692"/>
    <mergeCell ref="C696:AJ698"/>
    <mergeCell ref="C700:AJ702"/>
    <mergeCell ref="A706:B707"/>
    <mergeCell ref="C706:AJ709"/>
    <mergeCell ref="AK706:AL707"/>
    <mergeCell ref="A683:B684"/>
    <mergeCell ref="AK683:AL684"/>
    <mergeCell ref="A687:B688"/>
    <mergeCell ref="C687:AJ690"/>
    <mergeCell ref="AK687:AL687"/>
    <mergeCell ref="A678:B679"/>
    <mergeCell ref="C678:AJ679"/>
    <mergeCell ref="AK678:AL679"/>
    <mergeCell ref="A663:B664"/>
    <mergeCell ref="C663:AJ665"/>
    <mergeCell ref="AK663:AL664"/>
    <mergeCell ref="A667:B668"/>
    <mergeCell ref="C667:AJ669"/>
    <mergeCell ref="AK667:AL668"/>
    <mergeCell ref="C611:AJ613"/>
    <mergeCell ref="AK611:AL612"/>
    <mergeCell ref="C614:AJ615"/>
    <mergeCell ref="AK614:AL615"/>
    <mergeCell ref="C616:AJ617"/>
    <mergeCell ref="AK616:AL617"/>
    <mergeCell ref="A601:B602"/>
    <mergeCell ref="C601:AJ602"/>
    <mergeCell ref="AK601:AL602"/>
    <mergeCell ref="A606:B607"/>
    <mergeCell ref="C606:AJ608"/>
    <mergeCell ref="A632:B633"/>
    <mergeCell ref="C632:AJ635"/>
    <mergeCell ref="AK632:AL633"/>
    <mergeCell ref="A639:B640"/>
    <mergeCell ref="C639:AJ641"/>
    <mergeCell ref="AK639:AL640"/>
    <mergeCell ref="A621:B622"/>
    <mergeCell ref="C621:AJ624"/>
    <mergeCell ref="AK621:AL622"/>
    <mergeCell ref="A626:B627"/>
    <mergeCell ref="C626:AJ628"/>
    <mergeCell ref="AK626:AL627"/>
    <mergeCell ref="A577:B578"/>
    <mergeCell ref="C577:AJ579"/>
    <mergeCell ref="AK577:AL578"/>
    <mergeCell ref="C562:AJ563"/>
    <mergeCell ref="AK562:AL563"/>
    <mergeCell ref="C564:AJ565"/>
    <mergeCell ref="AK564:AL565"/>
    <mergeCell ref="C566:AJ567"/>
    <mergeCell ref="AK566:AL567"/>
    <mergeCell ref="A590:B591"/>
    <mergeCell ref="C590:AJ593"/>
    <mergeCell ref="AK590:AL591"/>
    <mergeCell ref="C596:AJ597"/>
    <mergeCell ref="AK596:AL597"/>
    <mergeCell ref="C598:AJ599"/>
    <mergeCell ref="AK598:AL599"/>
    <mergeCell ref="A581:B582"/>
    <mergeCell ref="C581:AJ583"/>
    <mergeCell ref="AK581:AL582"/>
    <mergeCell ref="A585:B586"/>
    <mergeCell ref="C585:AJ588"/>
    <mergeCell ref="AK585:AL586"/>
    <mergeCell ref="C575:AJ575"/>
    <mergeCell ref="A553:B554"/>
    <mergeCell ref="C553:AJ555"/>
    <mergeCell ref="AK553:AL554"/>
    <mergeCell ref="C558:AJ559"/>
    <mergeCell ref="AK558:AL559"/>
    <mergeCell ref="C560:AJ561"/>
    <mergeCell ref="AK560:AL561"/>
    <mergeCell ref="C544:AJ545"/>
    <mergeCell ref="AK544:AL545"/>
    <mergeCell ref="C546:AJ547"/>
    <mergeCell ref="AK546:AL547"/>
    <mergeCell ref="A549:B550"/>
    <mergeCell ref="C549:AJ551"/>
    <mergeCell ref="AK549:AL550"/>
    <mergeCell ref="C568:AJ569"/>
    <mergeCell ref="AK568:AL569"/>
    <mergeCell ref="A571:B572"/>
    <mergeCell ref="C571:AJ574"/>
    <mergeCell ref="AK571:AL572"/>
    <mergeCell ref="A518:B519"/>
    <mergeCell ref="C518:AJ521"/>
    <mergeCell ref="AK518:AL519"/>
    <mergeCell ref="A523:B524"/>
    <mergeCell ref="C523:AJ524"/>
    <mergeCell ref="AK523:AL524"/>
    <mergeCell ref="A506:B507"/>
    <mergeCell ref="C506:AJ509"/>
    <mergeCell ref="AK506:AL507"/>
    <mergeCell ref="A513:B514"/>
    <mergeCell ref="C513:AJ516"/>
    <mergeCell ref="AK513:AL514"/>
    <mergeCell ref="C538:AJ539"/>
    <mergeCell ref="AK538:AL539"/>
    <mergeCell ref="C540:AJ541"/>
    <mergeCell ref="AK540:AL541"/>
    <mergeCell ref="C542:AJ543"/>
    <mergeCell ref="AK542:AL543"/>
    <mergeCell ref="A528:B529"/>
    <mergeCell ref="C528:AJ530"/>
    <mergeCell ref="AK528:AL529"/>
    <mergeCell ref="A532:B533"/>
    <mergeCell ref="C532:AJ535"/>
    <mergeCell ref="AK532:AL533"/>
    <mergeCell ref="A477:B478"/>
    <mergeCell ref="C477:AJ479"/>
    <mergeCell ref="AK477:AL478"/>
    <mergeCell ref="A469:B470"/>
    <mergeCell ref="C469:AJ471"/>
    <mergeCell ref="AK469:AL470"/>
    <mergeCell ref="C489:AJ490"/>
    <mergeCell ref="A494:B495"/>
    <mergeCell ref="C494:AJ498"/>
    <mergeCell ref="AK494:AL495"/>
    <mergeCell ref="A502:B503"/>
    <mergeCell ref="C502:AJ504"/>
    <mergeCell ref="AK502:AL503"/>
    <mergeCell ref="A481:B482"/>
    <mergeCell ref="C481:AJ485"/>
    <mergeCell ref="AK481:AL482"/>
    <mergeCell ref="A487:B488"/>
    <mergeCell ref="C487:AJ488"/>
    <mergeCell ref="AK487:AL488"/>
    <mergeCell ref="A473:B474"/>
    <mergeCell ref="C473:AJ475"/>
    <mergeCell ref="AK473:AL474"/>
    <mergeCell ref="E441:AJ443"/>
    <mergeCell ref="AK441:AL442"/>
    <mergeCell ref="E444:AJ446"/>
    <mergeCell ref="AK444:AL445"/>
    <mergeCell ref="C449:AJ451"/>
    <mergeCell ref="E452:AJ454"/>
    <mergeCell ref="AK452:AL453"/>
    <mergeCell ref="E455:AJ458"/>
    <mergeCell ref="AK455:AL456"/>
    <mergeCell ref="E459:AJ461"/>
    <mergeCell ref="AK459:AL460"/>
    <mergeCell ref="E462:AJ464"/>
    <mergeCell ref="AK462:AL463"/>
    <mergeCell ref="E465:AJ467"/>
    <mergeCell ref="AK465:AL466"/>
    <mergeCell ref="A418:B419"/>
    <mergeCell ref="C418:AJ420"/>
    <mergeCell ref="AK418:AL419"/>
    <mergeCell ref="A422:B423"/>
    <mergeCell ref="C422:AJ425"/>
    <mergeCell ref="AK422:AL423"/>
    <mergeCell ref="A405:B406"/>
    <mergeCell ref="C405:AJ408"/>
    <mergeCell ref="AK405:AL406"/>
    <mergeCell ref="A412:B413"/>
    <mergeCell ref="C412:AJ415"/>
    <mergeCell ref="AK412:AL413"/>
    <mergeCell ref="C428:AJ432"/>
    <mergeCell ref="AK428:AL429"/>
    <mergeCell ref="C433:AJ434"/>
    <mergeCell ref="AK433:AL434"/>
    <mergeCell ref="C435:AJ439"/>
    <mergeCell ref="AK435:AL436"/>
    <mergeCell ref="A373:B374"/>
    <mergeCell ref="C373:AJ374"/>
    <mergeCell ref="AK373:AL374"/>
    <mergeCell ref="C376:AJ379"/>
    <mergeCell ref="C381:AJ382"/>
    <mergeCell ref="AK381:AL382"/>
    <mergeCell ref="C394:AJ396"/>
    <mergeCell ref="A365:B366"/>
    <mergeCell ref="C365:AJ366"/>
    <mergeCell ref="AK365:AL366"/>
    <mergeCell ref="A368:B369"/>
    <mergeCell ref="C368:AJ369"/>
    <mergeCell ref="AK368:AL369"/>
    <mergeCell ref="C389:AJ392"/>
    <mergeCell ref="A394:B395"/>
    <mergeCell ref="AK394:AL395"/>
    <mergeCell ref="A400:B401"/>
    <mergeCell ref="C400:AJ403"/>
    <mergeCell ref="AK400:AL401"/>
    <mergeCell ref="C383:AJ384"/>
    <mergeCell ref="AK383:AL384"/>
    <mergeCell ref="C385:AJ386"/>
    <mergeCell ref="AK385:AL386"/>
    <mergeCell ref="C387:AJ388"/>
    <mergeCell ref="AK387:AL388"/>
    <mergeCell ref="A332:B333"/>
    <mergeCell ref="C332:AJ334"/>
    <mergeCell ref="AK332:AL333"/>
    <mergeCell ref="A338:B339"/>
    <mergeCell ref="C338:AJ341"/>
    <mergeCell ref="AK338:AL339"/>
    <mergeCell ref="A319:B320"/>
    <mergeCell ref="C319:AJ321"/>
    <mergeCell ref="AK319:AL320"/>
    <mergeCell ref="A325:B326"/>
    <mergeCell ref="C325:AJ328"/>
    <mergeCell ref="AK325:AL326"/>
    <mergeCell ref="A355:B356"/>
    <mergeCell ref="C355:AJ357"/>
    <mergeCell ref="AK355:AL356"/>
    <mergeCell ref="A361:B362"/>
    <mergeCell ref="C361:AJ363"/>
    <mergeCell ref="AK361:AL362"/>
    <mergeCell ref="A343:B344"/>
    <mergeCell ref="C343:AJ345"/>
    <mergeCell ref="AK343:AL344"/>
    <mergeCell ref="A349:B350"/>
    <mergeCell ref="C349:AJ351"/>
    <mergeCell ref="AK349:AL350"/>
    <mergeCell ref="A298:B299"/>
    <mergeCell ref="AK298:AL299"/>
    <mergeCell ref="A304:B305"/>
    <mergeCell ref="C304:AJ305"/>
    <mergeCell ref="AK304:AL305"/>
    <mergeCell ref="C312:AE313"/>
    <mergeCell ref="AF312:AF313"/>
    <mergeCell ref="AG312:AH313"/>
    <mergeCell ref="AI312:AJ313"/>
    <mergeCell ref="C314:AE315"/>
    <mergeCell ref="AF314:AF315"/>
    <mergeCell ref="AG314:AH315"/>
    <mergeCell ref="AI314:AJ315"/>
    <mergeCell ref="C308:AE309"/>
    <mergeCell ref="AF308:AF309"/>
    <mergeCell ref="AG308:AH309"/>
    <mergeCell ref="AI308:AJ309"/>
    <mergeCell ref="C310:AE311"/>
    <mergeCell ref="AF310:AF311"/>
    <mergeCell ref="AG310:AH311"/>
    <mergeCell ref="AI310:AJ311"/>
    <mergeCell ref="C275:AJ277"/>
    <mergeCell ref="C279:AH280"/>
    <mergeCell ref="A282:B283"/>
    <mergeCell ref="C282:AJ285"/>
    <mergeCell ref="AK282:AL283"/>
    <mergeCell ref="A289:B290"/>
    <mergeCell ref="C289:AJ296"/>
    <mergeCell ref="AK289:AL290"/>
    <mergeCell ref="C266:K270"/>
    <mergeCell ref="L266:AJ268"/>
    <mergeCell ref="AK266:AL267"/>
    <mergeCell ref="L269:AJ270"/>
    <mergeCell ref="AK269:AL270"/>
    <mergeCell ref="A272:B273"/>
    <mergeCell ref="C272:AJ273"/>
    <mergeCell ref="AK272:AL273"/>
    <mergeCell ref="C241:T241"/>
    <mergeCell ref="C242:H249"/>
    <mergeCell ref="I242:AJ243"/>
    <mergeCell ref="I244:AJ245"/>
    <mergeCell ref="I246:AJ247"/>
    <mergeCell ref="I248:AJ249"/>
    <mergeCell ref="C259:K263"/>
    <mergeCell ref="L259:AJ261"/>
    <mergeCell ref="AK259:AL260"/>
    <mergeCell ref="L262:AJ263"/>
    <mergeCell ref="AK262:AL263"/>
    <mergeCell ref="C264:K265"/>
    <mergeCell ref="L264:AJ265"/>
    <mergeCell ref="AK264:AL265"/>
    <mergeCell ref="C251:AJ252"/>
    <mergeCell ref="AK251:AL252"/>
    <mergeCell ref="A254:B255"/>
    <mergeCell ref="C254:AJ255"/>
    <mergeCell ref="AK254:AL255"/>
    <mergeCell ref="C257:K258"/>
    <mergeCell ref="L257:AJ258"/>
    <mergeCell ref="AK257:AL258"/>
    <mergeCell ref="C234:AJ235"/>
    <mergeCell ref="C236:P237"/>
    <mergeCell ref="Q236:AJ237"/>
    <mergeCell ref="AK236:AL237"/>
    <mergeCell ref="A209:B210"/>
    <mergeCell ref="C209:AJ211"/>
    <mergeCell ref="AK209:AL210"/>
    <mergeCell ref="C213:AJ215"/>
    <mergeCell ref="C217:AH218"/>
    <mergeCell ref="A220:B221"/>
    <mergeCell ref="C220:AJ223"/>
    <mergeCell ref="AK220:AL221"/>
    <mergeCell ref="C238:P239"/>
    <mergeCell ref="Q238:AJ239"/>
    <mergeCell ref="AK238:AL239"/>
    <mergeCell ref="C192:AJ194"/>
    <mergeCell ref="AK192:AL193"/>
    <mergeCell ref="C196:AJ198"/>
    <mergeCell ref="AK196:AL197"/>
    <mergeCell ref="C205:AJ206"/>
    <mergeCell ref="AK205:AL206"/>
    <mergeCell ref="C181:R182"/>
    <mergeCell ref="S181:S182"/>
    <mergeCell ref="T181:V182"/>
    <mergeCell ref="W181:Y182"/>
    <mergeCell ref="Z181:AB182"/>
    <mergeCell ref="C230:S230"/>
    <mergeCell ref="A231:B232"/>
    <mergeCell ref="C231:AJ232"/>
    <mergeCell ref="AK231:AL232"/>
    <mergeCell ref="C164:AJ166"/>
    <mergeCell ref="AK164:AL165"/>
    <mergeCell ref="A184:B185"/>
    <mergeCell ref="C184:AJ187"/>
    <mergeCell ref="AK184:AL185"/>
    <mergeCell ref="AK200:AL201"/>
    <mergeCell ref="AK175:AL176"/>
    <mergeCell ref="C177:R178"/>
    <mergeCell ref="S177:S178"/>
    <mergeCell ref="T177:AJ178"/>
    <mergeCell ref="C179:R180"/>
    <mergeCell ref="S179:S180"/>
    <mergeCell ref="T179:AJ180"/>
    <mergeCell ref="C175:N176"/>
    <mergeCell ref="O175:O176"/>
    <mergeCell ref="P175:Y176"/>
    <mergeCell ref="A189:B190"/>
    <mergeCell ref="C189:AJ190"/>
    <mergeCell ref="A90:B91"/>
    <mergeCell ref="C90:AJ92"/>
    <mergeCell ref="AK90:AL91"/>
    <mergeCell ref="A95:B96"/>
    <mergeCell ref="C95:AJ97"/>
    <mergeCell ref="AK95:AL96"/>
    <mergeCell ref="A100:B101"/>
    <mergeCell ref="C100:AJ102"/>
    <mergeCell ref="AK100:AL101"/>
    <mergeCell ref="A105:B106"/>
    <mergeCell ref="C105:AJ107"/>
    <mergeCell ref="AK105:AL106"/>
    <mergeCell ref="C111:AJ113"/>
    <mergeCell ref="C145:R148"/>
    <mergeCell ref="S145:AJ148"/>
    <mergeCell ref="AK145:AL146"/>
    <mergeCell ref="AK119:AL120"/>
    <mergeCell ref="C116:AJ117"/>
    <mergeCell ref="C119:L122"/>
    <mergeCell ref="M119:AJ122"/>
    <mergeCell ref="A111:B112"/>
    <mergeCell ref="AK111:AL112"/>
    <mergeCell ref="AK136:AL137"/>
    <mergeCell ref="AK189:AL190"/>
    <mergeCell ref="V51:W52"/>
    <mergeCell ref="X51:Y52"/>
    <mergeCell ref="Z51:AA52"/>
    <mergeCell ref="D86:AJ87"/>
    <mergeCell ref="A129:B130"/>
    <mergeCell ref="AB51:AC52"/>
    <mergeCell ref="AK77:AL78"/>
    <mergeCell ref="A83:B84"/>
    <mergeCell ref="C83:AJ85"/>
    <mergeCell ref="C49:J50"/>
    <mergeCell ref="C51:I52"/>
    <mergeCell ref="J51:K52"/>
    <mergeCell ref="L51:M52"/>
    <mergeCell ref="N51:O52"/>
    <mergeCell ref="P51:Q52"/>
    <mergeCell ref="D35:L36"/>
    <mergeCell ref="M35:AK36"/>
    <mergeCell ref="M37:AK38"/>
    <mergeCell ref="C43:E44"/>
    <mergeCell ref="F43:H44"/>
    <mergeCell ref="I43:J44"/>
    <mergeCell ref="K43:L44"/>
    <mergeCell ref="M43:N44"/>
    <mergeCell ref="O43:P44"/>
    <mergeCell ref="Q43:R44"/>
    <mergeCell ref="S43:T44"/>
    <mergeCell ref="R51:S52"/>
    <mergeCell ref="T51:U52"/>
    <mergeCell ref="B35:C36"/>
    <mergeCell ref="AK129:AL130"/>
    <mergeCell ref="A116:B117"/>
    <mergeCell ref="AK116:AL117"/>
    <mergeCell ref="A1:AL3"/>
    <mergeCell ref="B4:H6"/>
    <mergeCell ref="I4:I6"/>
    <mergeCell ref="J4:AI6"/>
    <mergeCell ref="AJ4:AJ6"/>
    <mergeCell ref="L7:AA8"/>
    <mergeCell ref="M25:AK26"/>
    <mergeCell ref="B29:C30"/>
    <mergeCell ref="D29:L30"/>
    <mergeCell ref="M29:AK30"/>
    <mergeCell ref="B19:C20"/>
    <mergeCell ref="D19:L20"/>
    <mergeCell ref="M19:AK20"/>
    <mergeCell ref="M21:AK22"/>
    <mergeCell ref="B23:C24"/>
    <mergeCell ref="D23:L24"/>
    <mergeCell ref="M33:AK34"/>
    <mergeCell ref="M16:AL17"/>
    <mergeCell ref="M23:AL24"/>
    <mergeCell ref="M31:AL32"/>
    <mergeCell ref="B12:S13"/>
    <mergeCell ref="B14:C15"/>
    <mergeCell ref="D14:L15"/>
    <mergeCell ref="M14:AK15"/>
    <mergeCell ref="M27:AK28"/>
    <mergeCell ref="C1576:AJ1578"/>
    <mergeCell ref="AK1576:AL1577"/>
    <mergeCell ref="C41:E42"/>
    <mergeCell ref="F41:H42"/>
    <mergeCell ref="I41:J42"/>
    <mergeCell ref="K41:L42"/>
    <mergeCell ref="M41:N42"/>
    <mergeCell ref="O41:P42"/>
    <mergeCell ref="Q41:R42"/>
    <mergeCell ref="S41:T42"/>
    <mergeCell ref="A1559:B1560"/>
    <mergeCell ref="C1559:AJ1561"/>
    <mergeCell ref="C53:I56"/>
    <mergeCell ref="J53:N53"/>
    <mergeCell ref="J54:AL54"/>
    <mergeCell ref="J55:AL56"/>
    <mergeCell ref="C57:I59"/>
    <mergeCell ref="J58:AL59"/>
    <mergeCell ref="C46:E47"/>
    <mergeCell ref="AA46:AB46"/>
    <mergeCell ref="AC46:AL47"/>
    <mergeCell ref="D938:AJ939"/>
    <mergeCell ref="A941:B942"/>
    <mergeCell ref="E1190:AJ1190"/>
    <mergeCell ref="AK675:AL676"/>
    <mergeCell ref="U43:V43"/>
    <mergeCell ref="W43:AL45"/>
    <mergeCell ref="G46:I47"/>
    <mergeCell ref="K46:Z47"/>
    <mergeCell ref="C953:AJ957"/>
    <mergeCell ref="C958:AJ961"/>
    <mergeCell ref="C136:L138"/>
    <mergeCell ref="AK1057:AL1058"/>
    <mergeCell ref="A1061:B1062"/>
    <mergeCell ref="C1061:AJ1063"/>
    <mergeCell ref="AK1083:AL1084"/>
    <mergeCell ref="C1290:AJ1291"/>
    <mergeCell ref="AK83:AL84"/>
    <mergeCell ref="A66:B67"/>
    <mergeCell ref="C66:AJ71"/>
    <mergeCell ref="AK66:AL67"/>
    <mergeCell ref="A73:B74"/>
    <mergeCell ref="C73:AJ75"/>
    <mergeCell ref="AK73:AL74"/>
    <mergeCell ref="AK123:AL124"/>
    <mergeCell ref="M136:AJ138"/>
    <mergeCell ref="AK132:AL133"/>
    <mergeCell ref="C149:R152"/>
    <mergeCell ref="S149:AJ152"/>
    <mergeCell ref="AK149:AL150"/>
    <mergeCell ref="C153:R155"/>
    <mergeCell ref="S153:AJ155"/>
    <mergeCell ref="AK153:AL154"/>
    <mergeCell ref="A141:B142"/>
    <mergeCell ref="C141:AJ142"/>
    <mergeCell ref="AK141:AL142"/>
    <mergeCell ref="C881:AJ884"/>
    <mergeCell ref="AK881:AL882"/>
    <mergeCell ref="AK1251:AL1252"/>
    <mergeCell ref="C1253:AJ1254"/>
    <mergeCell ref="C898:AJ901"/>
    <mergeCell ref="A77:B78"/>
    <mergeCell ref="C77:AJ81"/>
    <mergeCell ref="AI175:AJ176"/>
    <mergeCell ref="AK1033:AL1034"/>
    <mergeCell ref="AK736:AL737"/>
    <mergeCell ref="A1405:B1406"/>
    <mergeCell ref="AK1204:AL1205"/>
    <mergeCell ref="A992:B993"/>
    <mergeCell ref="A1213:B1214"/>
    <mergeCell ref="C1213:AJ1214"/>
    <mergeCell ref="AK1213:AL1214"/>
    <mergeCell ref="A1216:B1217"/>
    <mergeCell ref="C1216:AJ1218"/>
    <mergeCell ref="AK1216:AL1217"/>
    <mergeCell ref="D1219:AJ1219"/>
    <mergeCell ref="D1220:AJ1221"/>
    <mergeCell ref="C1038:AJ1041"/>
    <mergeCell ref="AK1038:AL1039"/>
    <mergeCell ref="D1042:AJ1044"/>
    <mergeCell ref="D1045:AJ1047"/>
    <mergeCell ref="C916:AJ917"/>
    <mergeCell ref="AK916:AL917"/>
    <mergeCell ref="C1393:AJ1395"/>
    <mergeCell ref="AK1393:AL1394"/>
    <mergeCell ref="C926:AJ928"/>
    <mergeCell ref="A930:B931"/>
    <mergeCell ref="AK930:AL931"/>
    <mergeCell ref="AK920:AL921"/>
    <mergeCell ref="C920:AJ921"/>
    <mergeCell ref="A926:B927"/>
    <mergeCell ref="AK926:AL927"/>
    <mergeCell ref="AK958:AL959"/>
    <mergeCell ref="A1389:B1390"/>
    <mergeCell ref="C1389:AJ1391"/>
    <mergeCell ref="C1057:AJ1059"/>
    <mergeCell ref="A1421:B1422"/>
    <mergeCell ref="C1421:AJ1424"/>
    <mergeCell ref="AK1421:AL1422"/>
    <mergeCell ref="AK906:AL907"/>
    <mergeCell ref="A1397:B1398"/>
    <mergeCell ref="C1397:AJ1399"/>
    <mergeCell ref="AK1397:AL1398"/>
    <mergeCell ref="A1415:B1416"/>
    <mergeCell ref="C1415:AJ1419"/>
    <mergeCell ref="AK1415:AL1416"/>
    <mergeCell ref="D1222:AJ1222"/>
    <mergeCell ref="C1206:AJ1207"/>
    <mergeCell ref="AK1206:AL1207"/>
    <mergeCell ref="A1038:B1039"/>
    <mergeCell ref="C1049:AJ1051"/>
    <mergeCell ref="AK1049:AL1050"/>
    <mergeCell ref="C1052:AJ1054"/>
    <mergeCell ref="AK1052:AL1053"/>
    <mergeCell ref="D1055:AJ1055"/>
    <mergeCell ref="A1286:B1287"/>
    <mergeCell ref="C1286:AJ1288"/>
    <mergeCell ref="AK1286:AL1287"/>
    <mergeCell ref="C1249:AJ1250"/>
    <mergeCell ref="AK1249:AL1250"/>
    <mergeCell ref="C1251:AJ1252"/>
    <mergeCell ref="A1090:B1091"/>
    <mergeCell ref="A1133:B1134"/>
    <mergeCell ref="C1255:AJ1256"/>
    <mergeCell ref="A1106:B1107"/>
    <mergeCell ref="A1245:B1246"/>
    <mergeCell ref="A1033:B1034"/>
    <mergeCell ref="C1033:AJ1035"/>
    <mergeCell ref="A660:B661"/>
    <mergeCell ref="C660:AJ661"/>
    <mergeCell ref="AK660:AL661"/>
    <mergeCell ref="C714:AJ716"/>
    <mergeCell ref="AK714:AL715"/>
    <mergeCell ref="C717:AJ719"/>
    <mergeCell ref="AK717:AL718"/>
    <mergeCell ref="C129:AJ130"/>
    <mergeCell ref="C123:L126"/>
    <mergeCell ref="M123:AJ126"/>
    <mergeCell ref="C132:L135"/>
    <mergeCell ref="M132:AJ135"/>
    <mergeCell ref="A995:B996"/>
    <mergeCell ref="C995:AJ996"/>
    <mergeCell ref="AK995:AL996"/>
    <mergeCell ref="A973:B974"/>
    <mergeCell ref="C973:AJ976"/>
    <mergeCell ref="AK973:AL974"/>
    <mergeCell ref="C978:AJ980"/>
    <mergeCell ref="AK978:AL979"/>
    <mergeCell ref="C981:AJ985"/>
    <mergeCell ref="AK981:AL982"/>
    <mergeCell ref="C671:AJ673"/>
    <mergeCell ref="A675:B676"/>
    <mergeCell ref="C200:AJ203"/>
    <mergeCell ref="C986:AJ990"/>
    <mergeCell ref="AK986:AL987"/>
    <mergeCell ref="C934:AJ937"/>
    <mergeCell ref="AK934:AL935"/>
    <mergeCell ref="AA175:AD176"/>
    <mergeCell ref="AE175:AF176"/>
    <mergeCell ref="AG175:AH176"/>
    <mergeCell ref="AK1325:AL1326"/>
    <mergeCell ref="C1330:AJ1331"/>
    <mergeCell ref="AK1332:AL1333"/>
    <mergeCell ref="C1261:AJ1262"/>
    <mergeCell ref="A1335:B1336"/>
    <mergeCell ref="D1103:AJ1104"/>
    <mergeCell ref="C1103:C1104"/>
    <mergeCell ref="C1335:AJ1336"/>
    <mergeCell ref="A870:B871"/>
    <mergeCell ref="C870:AJ874"/>
    <mergeCell ref="AK870:AL871"/>
    <mergeCell ref="C675:AJ676"/>
    <mergeCell ref="A168:B169"/>
    <mergeCell ref="C168:AJ170"/>
    <mergeCell ref="AK168:AL169"/>
    <mergeCell ref="C144:AJ144"/>
    <mergeCell ref="C157:AJ157"/>
    <mergeCell ref="A172:B173"/>
    <mergeCell ref="C172:AJ173"/>
    <mergeCell ref="AK172:AL173"/>
    <mergeCell ref="C158:AJ159"/>
    <mergeCell ref="AK158:AL159"/>
    <mergeCell ref="C160:AJ162"/>
    <mergeCell ref="A164:B165"/>
    <mergeCell ref="C683:AJ685"/>
    <mergeCell ref="C736:AJ738"/>
    <mergeCell ref="C837:T837"/>
    <mergeCell ref="C838:AJ839"/>
    <mergeCell ref="AK838:AL839"/>
    <mergeCell ref="A692:B693"/>
    <mergeCell ref="C692:AJ694"/>
    <mergeCell ref="A736:B737"/>
    <mergeCell ref="D1296:AJ1296"/>
    <mergeCell ref="D1297:AJ1298"/>
    <mergeCell ref="D1299:AJ1299"/>
    <mergeCell ref="D1300:AJ1300"/>
    <mergeCell ref="C1303:AJ1304"/>
    <mergeCell ref="AK1303:AL1304"/>
    <mergeCell ref="C1269:AJ1270"/>
    <mergeCell ref="AK1269:AL1270"/>
    <mergeCell ref="C1271:AJ1272"/>
    <mergeCell ref="A1290:B1291"/>
    <mergeCell ref="AK1261:AL1262"/>
    <mergeCell ref="AK1290:AL1291"/>
    <mergeCell ref="A1264:B1265"/>
    <mergeCell ref="C1264:AJ1265"/>
    <mergeCell ref="AK1264:AL1265"/>
    <mergeCell ref="C1267:AJ1268"/>
    <mergeCell ref="AK1267:AL1268"/>
    <mergeCell ref="D923:AK923"/>
    <mergeCell ref="A1366:B1367"/>
    <mergeCell ref="C1366:AJ1368"/>
    <mergeCell ref="AK1366:AL1367"/>
    <mergeCell ref="C1370:AJ1371"/>
    <mergeCell ref="AK1370:AL1371"/>
    <mergeCell ref="D1372:AJ1373"/>
    <mergeCell ref="A1354:B1355"/>
    <mergeCell ref="C1354:AJ1355"/>
    <mergeCell ref="AK1354:AL1355"/>
    <mergeCell ref="C1357:AJ1358"/>
    <mergeCell ref="AK1357:AL1358"/>
    <mergeCell ref="C1359:AJ1360"/>
    <mergeCell ref="AK1359:AL1360"/>
    <mergeCell ref="C1361:AJ1362"/>
    <mergeCell ref="AK1361:AL1362"/>
    <mergeCell ref="C1343:AJ1344"/>
    <mergeCell ref="AK1343:AL1344"/>
    <mergeCell ref="C1345:AJ1346"/>
    <mergeCell ref="AK1345:AL1346"/>
    <mergeCell ref="C1347:AJ1348"/>
    <mergeCell ref="AK1347:AL1348"/>
    <mergeCell ref="C1349:AJ1350"/>
    <mergeCell ref="AK1349:AL1350"/>
    <mergeCell ref="C1351:AJ1352"/>
    <mergeCell ref="AK1351:AL1352"/>
    <mergeCell ref="C930:AJ932"/>
    <mergeCell ref="D1363:AJ1364"/>
    <mergeCell ref="AK1335:AL1336"/>
    <mergeCell ref="A1293:B1294"/>
    <mergeCell ref="C1293:AJ1295"/>
    <mergeCell ref="AK1293:AL1294"/>
  </mergeCells>
  <phoneticPr fontId="2"/>
  <dataValidations count="3">
    <dataValidation imeMode="hiragana" allowBlank="1" showInputMessage="1" showErrorMessage="1" sqref="AK1509:AL1510 WWS1576:WWT1577 WMW1576:WMX1577 WDA1576:WDB1577 VTE1576:VTF1577 VJI1576:VJJ1577 UZM1576:UZN1577 UPQ1576:UPR1577 UFU1576:UFV1577 TVY1576:TVZ1577 TMC1576:TMD1577 TCG1576:TCH1577 SSK1576:SSL1577 SIO1576:SIP1577 RYS1576:RYT1577 ROW1576:ROX1577 RFA1576:RFB1577 QVE1576:QVF1577 QLI1576:QLJ1577 QBM1576:QBN1577 PRQ1576:PRR1577 PHU1576:PHV1577 OXY1576:OXZ1577 OOC1576:OOD1577 OEG1576:OEH1577 NUK1576:NUL1577 NKO1576:NKP1577 NAS1576:NAT1577 MQW1576:MQX1577 MHA1576:MHB1577 LXE1576:LXF1577 LNI1576:LNJ1577 LDM1576:LDN1577 KTQ1576:KTR1577 KJU1576:KJV1577 JZY1576:JZZ1577 JQC1576:JQD1577 JGG1576:JGH1577 IWK1576:IWL1577 IMO1576:IMP1577 ICS1576:ICT1577 HSW1576:HSX1577 HJA1576:HJB1577 GZE1576:GZF1577 GPI1576:GPJ1577 GFM1576:GFN1577 FVQ1576:FVR1577 FLU1576:FLV1577 FBY1576:FBZ1577 ESC1576:ESD1577 EIG1576:EIH1577 DYK1576:DYL1577 DOO1576:DOP1577 DES1576:DET1577 CUW1576:CUX1577 CLA1576:CLB1577 CBE1576:CBF1577 BRI1576:BRJ1577 BHM1576:BHN1577 AXQ1576:AXR1577 ANU1576:ANV1577 ADY1576:ADZ1577 UC1576:UD1577 KG1576:KH1577 AK1576:AL1577 WWS1572:WWT1574 WMW1572:WMX1574 WDA1572:WDB1574 VTE1572:VTF1574 VJI1572:VJJ1574 UZM1572:UZN1574 UPQ1572:UPR1574 UFU1572:UFV1574 TVY1572:TVZ1574 TMC1572:TMD1574 TCG1572:TCH1574 SSK1572:SSL1574 SIO1572:SIP1574 RYS1572:RYT1574 ROW1572:ROX1574 RFA1572:RFB1574 QVE1572:QVF1574 QLI1572:QLJ1574 QBM1572:QBN1574 PRQ1572:PRR1574 PHU1572:PHV1574 OXY1572:OXZ1574 OOC1572:OOD1574 OEG1572:OEH1574 NUK1572:NUL1574 NKO1572:NKP1574 NAS1572:NAT1574 MQW1572:MQX1574 MHA1572:MHB1574 LXE1572:LXF1574 LNI1572:LNJ1574 LDM1572:LDN1574 KTQ1572:KTR1574 KJU1572:KJV1574 JZY1572:JZZ1574 JQC1572:JQD1574 JGG1572:JGH1574 IWK1572:IWL1574 IMO1572:IMP1574 ICS1572:ICT1574 HSW1572:HSX1574 HJA1572:HJB1574 GZE1572:GZF1574 GPI1572:GPJ1574 GFM1572:GFN1574 FVQ1572:FVR1574 FLU1572:FLV1574 FBY1572:FBZ1574 ESC1572:ESD1574 EIG1572:EIH1574 DYK1572:DYL1574 DOO1572:DOP1574 DES1572:DET1574 CUW1572:CUX1574 CLA1572:CLB1574 CBE1572:CBF1574 BRI1572:BRJ1574 BHM1572:BHN1574 AXQ1572:AXR1574 ANU1572:ANV1574 ADY1572:ADZ1574 UC1572:UD1574 KG1572:KH1574 AK1472:AL1476 AK851:AL855 AK849 AK847 AK590:AL599 AK581:AL588 AK601:AL602 AK538:AL547 AK549:AL551 AK553:AL569 AK528:AL535 AK502:AL510 WWS281:WWT281 AK471:AL471 AK469 AK412:AL416 AK428:AL438 AK422:AL425 AK418:AL419 AK394:AL396 AK361:AL362 AK368:AL369 AK365:AL366 AK373:AL378 AK381:AL392 AK400:AL403 AK405:AL407 AK494:AL499 AK513:AL521 AK523:AL525 AK200:AL200 AK332:AL333 AK329:AL329 AF316:AG317 AK304:AL315 AK289:AL292 AK272:AL273 AK266:AL266 AK259:AL259 AK264:AL264 AK257:AL257 AK254:AL254 AK262:AL262 AK269:AL269 AK275:AL275 AK281:AL284 AK298:AL301 AK319:AL327 AK349:AL350 AK343:AL344 AK338:AL340 AK355:AL356 AK746:AL800 AK742 AK678:AL680 AK618:AL629 AK616 AK606:AL615 AK1572:AL1574 AK643:AL652 AK639:AL641 AK632:AL635 AK736:AL739 AK1559:AL1561 AK1563:AL1564 AK1506:AL1506 AK1479:AL1481 AK1483:AL1485 AK1487:AL1489 AK1450:AL1452 AK1446:AL1448 AK683:AL728 AK1421:AL1425 AK1415:AL1419 AK1397:AL1399 AK1389:AL1391 AK1385:AL1387 AK1393:AL1395 AK973:AL979 AK966:AL968 AK961:AL963 AK970:AL970 AK843:AL845 AK857:AL858 AK803:AL804 AK571:AL574 AK577:AL579 AK941:AL944 AK986:AL989 AK981:AL984 AK1405:AL1412 AK1443:AL1444 AK1428:AL1431 AK1434:AL1439 AK1468:AL1470 AK1492 AK1500 AK1502:AL1503 AK992:AL999 AK1514:AL1515 AK1538:AL1539 AK251:AL251 AK219:AL222 T191:V191 Z191:AJ191 AK205:AL205 AK192:AL192 AK196:AL196 T207:V207 Z188:AJ188 Z175:AL176 W177:Y180 AK153:AL153 AK164:AL164 AK172:AL174 AK158:AL158 AK168:AL168 AK149:AL149 Z207:AJ207 AK189:AL189 AK208:AL210 AK231:AL232 AK236:AL239 AK116:AL127 T114:W114 K46:Z47 J55:AL56 J58:AL62 AK66:AL70 AK77:AL80 AK83:AL84 AK73:AL74 AK145:AL145 AK111:AL113 AK1455:AL1461 AK1462 AK1464:AL1464 AK129:AL141 AK1581:AL1583 KG1581:KH1583 UC1581:UD1583 ADY1581:ADZ1583 ANU1581:ANV1583 AXQ1581:AXR1583 BHM1581:BHN1583 BRI1581:BRJ1583 CBE1581:CBF1583 CLA1581:CLB1583 CUW1581:CUX1583 DES1581:DET1583 DOO1581:DOP1583 DYK1581:DYL1583 EIG1581:EIH1583 ESC1581:ESD1583 FBY1581:FBZ1583 FLU1581:FLV1583 FVQ1581:FVR1583 GFM1581:GFN1583 GPI1581:GPJ1583 GZE1581:GZF1583 HJA1581:HJB1583 HSW1581:HSX1583 ICS1581:ICT1583 IMO1581:IMP1583 IWK1581:IWL1583 JGG1581:JGH1583 JQC1581:JQD1583 JZY1581:JZZ1583 KJU1581:KJV1583 KTQ1581:KTR1583 LDM1581:LDN1583 LNI1581:LNJ1583 LXE1581:LXF1583 MHA1581:MHB1583 MQW1581:MQX1583 NAS1581:NAT1583 NKO1581:NKP1583 NUK1581:NUL1583 OEG1581:OEH1583 OOC1581:OOD1583 OXY1581:OXZ1583 PHU1581:PHV1583 PRQ1581:PRR1583 QBM1581:QBN1583 QLI1581:QLJ1583 QVE1581:QVF1583 RFA1581:RFB1583 ROW1581:ROX1583 RYS1581:RYT1583 SIO1581:SIP1583 SSK1581:SSL1583 TCG1581:TCH1583 TMC1581:TMD1583 TVY1581:TVZ1583 UFU1581:UFV1583 UPQ1581:UPR1583 UZM1581:UZN1583 VJI1581:VJJ1583 VTE1581:VTF1583 WDA1581:WDB1583 WMW1581:WMX1583 WWS1581:WWT1583 KG219:KH219 UC219:UD219 ADY219:ADZ219 ANU219:ANV219 AXQ219:AXR219 BHM219:BHN219 BRI219:BRJ219 CBE219:CBF219 CLA219:CLB219 CUW219:CUX219 DES219:DET219 DOO219:DOP219 DYK219:DYL219 EIG219:EIH219 ESC219:ESD219 FBY219:FBZ219 FLU219:FLV219 FVQ219:FVR219 GFM219:GFN219 GPI219:GPJ219 GZE219:GZF219 HJA219:HJB219 HSW219:HSX219 ICS219:ICT219 IMO219:IMP219 IWK219:IWL219 JGG219:JGH219 JQC219:JQD219 JZY219:JZZ219 KJU219:KJV219 KTQ219:KTR219 LDM219:LDN219 LNI219:LNJ219 LXE219:LXF219 MHA219:MHB219 MQW219:MQX219 NAS219:NAT219 NKO219:NKP219 NUK219:NUL219 OEG219:OEH219 OOC219:OOD219 OXY219:OXZ219 PHU219:PHV219 PRQ219:PRR219 QBM219:QBN219 QLI219:QLJ219 QVE219:QVF219 RFA219:RFB219 ROW219:ROX219 RYS219:RYT219 SIO219:SIP219 SSK219:SSL219 TCG219:TCH219 TMC219:TMD219 TVY219:TVZ219 UFU219:UFV219 UPQ219:UPR219 UZM219:UZN219 VJI219:VJJ219 VTE219:VTF219 WDA219:WDB219 WMW219:WMX219 WWS219:WWT219 KG281:KH281 UC281:UD281 ADY281:ADZ281 ANU281:ANV281 AXQ281:AXR281 BHM281:BHN281 BRI281:BRJ281 CBE281:CBF281 CLA281:CLB281 CUW281:CUX281 DES281:DET281 DOO281:DOP281 DYK281:DYL281 EIG281:EIH281 ESC281:ESD281 FBY281:FBZ281 FLU281:FLV281 FVQ281:FVR281 GFM281:GFN281 GPI281:GPJ281 GZE281:GZF281 HJA281:HJB281 HSW281:HSX281 ICS281:ICT281 IMO281:IMP281 IWK281:IWL281 JGG281:JGH281 JQC281:JQD281 JZY281:JZZ281 KJU281:KJV281 KTQ281:KTR281 LDM281:LDN281 LNI281:LNJ281 LXE281:LXF281 MHA281:MHB281 MQW281:MQX281 NAS281:NAT281 NKO281:NKP281 NUK281:NUL281 OEG281:OEH281 OOC281:OOD281 OXY281:OXZ281 PHU281:PHV281 PRQ281:PRR281 QBM281:QBN281 QLI281:QLJ281 QVE281:QVF281 RFA281:RFB281 ROW281:ROX281 RYS281:RYT281 SIO281:SIP281 SSK281:SSL281 TCG281:TCH281 TMC281:TMD281 TVY281:TVZ281 UFU281:UFV281 UPQ281:UPR281 UZM281:UZN281 VJI281:VJJ281 VTE281:VTF281 WDA281:WDB281 WMW281:WMX281 AK1494:AK1495 AL1494 KG1495 UC1495 ADY1495 ANU1495 AXQ1495 BHM1495 BRI1495 CBE1495 CLA1495 CUW1495 DES1495 DOO1495 DYK1495 EIG1495 ESC1495 FBY1495 FLU1495 FVQ1495 GFM1495 GPI1495 GZE1495 HJA1495 HSW1495 ICS1495 IMO1495 IWK1495 JGG1495 JQC1495 JZY1495 KJU1495 KTQ1495 LDM1495 LNI1495 LXE1495 MHA1495 MQW1495 NAS1495 NKO1495 NUK1495 OEG1495 OOC1495 OXY1495 PHU1495 PRQ1495 QBM1495 QLI1495 QVE1495 RFA1495 ROW1495 RYS1495 SIO1495 SSK1495 TCG1495 TMC1495 TVY1495 UFU1495 UPQ1495 UZM1495 VJI1495 VTE1495 WDA1495 WMW1495 WWS1495 AK1498 KG1498 UC1498 ADY1498 ANU1498 AXQ1498 BHM1498 BRI1498 CBE1498 CLA1498 CUW1498 DES1498 DOO1498 DYK1498 EIG1498 ESC1498 FBY1498 FLU1498 FVQ1498 GFM1498 GPI1498 GZE1498 HJA1498 HSW1498 ICS1498 IMO1498 IWK1498 JGG1498 JQC1498 JZY1498 KJU1498 KTQ1498 LDM1498 LNI1498 LXE1498 MHA1498 MQW1498 NAS1498 NKO1498 NUK1498 OEG1498 OOC1498 OXY1498 PHU1498 PRQ1498 QBM1498 QLI1498 QVE1498 RFA1498 ROW1498 RYS1498 SIO1498 SSK1498 TCG1498 TMC1498 TVY1498 UFU1498 UPQ1498 UZM1498 VJI1498 VTE1498 WDA1498 WMW1498 WWS1498 AK1568:AL1569 KG1568:KH1569 UC1568:UD1569 ADY1568:ADZ1569 ANU1568:ANV1569 AXQ1568:AXR1569 BHM1568:BHN1569 BRI1568:BRJ1569 CBE1568:CBF1569 CLA1568:CLB1569 CUW1568:CUX1569 DES1568:DET1569 DOO1568:DOP1569 DYK1568:DYL1569 EIG1568:EIH1569 ESC1568:ESD1569 FBY1568:FBZ1569 FLU1568:FLV1569 FVQ1568:FVR1569 GFM1568:GFN1569 GPI1568:GPJ1569 GZE1568:GZF1569 HJA1568:HJB1569 HSW1568:HSX1569 ICS1568:ICT1569 IMO1568:IMP1569 IWK1568:IWL1569 JGG1568:JGH1569 JQC1568:JQD1569 JZY1568:JZZ1569 KJU1568:KJV1569 KTQ1568:KTR1569 LDM1568:LDN1569 LNI1568:LNJ1569 LXE1568:LXF1569 MHA1568:MHB1569 MQW1568:MQX1569 NAS1568:NAT1569 NKO1568:NKP1569 NUK1568:NUL1569 OEG1568:OEH1569 OOC1568:OOD1569 OXY1568:OXZ1569 PHU1568:PHV1569 PRQ1568:PRR1569 QBM1568:QBN1569 QLI1568:QLJ1569 QVE1568:QVF1569 RFA1568:RFB1569 ROW1568:ROX1569 RYS1568:RYT1569 SIO1568:SIP1569 SSK1568:SSL1569 TCG1568:TCH1569 TMC1568:TMD1569 TVY1568:TVZ1569 UFU1568:UFV1569 UPQ1568:UPR1569 UZM1568:UZN1569 VJI1568:VJJ1569 VTE1568:VTF1569 WDA1568:WDB1569 WMW1568:WMX1569 WWS1568:WWT1569 AK440:AL440 AK443:AK444 AL443 AK446:AL446 AK441 AK461:AL461 AK448:AL448 AK449:AK450 AK454:AL454 AK467:AL467 AK458:AL458 AK464:AL464 AK1199:AL1200 AK1202:AL1211 AK1149:AL1153 AK1193:AL1193 AK473:AL491 AK1277:AL1278 AK86:AL86 T199:V199 Z199:AJ199 AK866:AL874 AK947:AL959 KG940:KH943 WMW898:WMX902 WWS898:WWT902 KG898:KH902 AK898:AL901 UC898:UD902 ADY898:ADZ902 ANU898:ANV902 AXQ898:AXR902 BHM898:BHN902 BRI898:BRJ902 CBE898:CBF902 CLA898:CLB902 CUW898:CUX902 DES898:DET902 DOO898:DOP902 DYK898:DYL902 EIG898:EIH902 ESC898:ESD902 FBY898:FBZ902 FLU898:FLV902 FVQ898:FVR902 GFM898:GFN902 GPI898:GPJ902 GZE898:GZF902 HJA898:HJB902 HSW898:HSX902 ICS898:ICT902 IMO898:IMP902 IWK898:IWL902 JGG898:JGH902 JQC898:JQD902 JZY898:JZZ902 KJU898:KJV902 KTQ898:KTR902 LDM898:LDN902 LNI898:LNJ902 LXE898:LXF902 MHA898:MHB902 MQW898:MQX902 NAS898:NAT902 NKO898:NKP902 NUK898:NUL902 OEG898:OEH902 OOC898:OOD902 OXY898:OXZ902 PHU898:PHV902 PRQ898:PRR902 QBM898:QBN902 QLI898:QLJ902 QVE898:QVF902 RFA898:RFB902 ROW898:ROX902 RYS898:RYT902 SIO898:SIP902 SSK898:SSL902 TCG898:TCH902 TMC898:TMD902 TVY898:TVZ902 UFU898:UFV902 UPQ898:UPR902 UZM898:UZN902 VJI898:VJJ902 VTE898:VTF902 WDA898:WDB902 AK903:AL904 AK906:AL911 AK926:AL928 WMW926:WMX929 WWS926:WWT929 KG926:KH929 UC926:UD929 ADY926:ADZ929 ANU926:ANV929 AXQ926:AXR929 BHM926:BHN929 BRI926:BRJ929 CBE926:CBF929 CLA926:CLB929 CUW926:CUX929 DES926:DET929 DOO926:DOP929 DYK926:DYL929 EIG926:EIH929 ESC926:ESD929 FBY926:FBZ929 FLU926:FLV929 FVQ926:FVR929 GFM926:GFN929 GPI926:GPJ929 GZE926:GZF929 HJA926:HJB929 HSW926:HSX929 ICS926:ICT929 IMO926:IMP929 IWK926:IWL929 JGG926:JGH929 JQC926:JQD929 JZY926:JZZ929 KJU926:KJV929 KTQ926:KTR929 LDM926:LDN929 LNI926:LNJ929 LXE926:LXF929 MHA926:MHB929 MQW926:MQX929 NAS926:NAT929 NKO926:NKP929 NUK926:NUL929 OEG926:OEH929 OOC926:OOD929 OXY926:OXZ929 PHU926:PHV929 PRQ926:PRR929 QBM926:QBN929 QLI926:QLJ929 QVE926:QVF929 RFA926:RFB929 ROW926:ROX929 RYS926:RYT929 SIO926:SIP929 SSK926:SSL929 TCG926:TCH929 TMC926:TMD929 TVY926:TVZ929 UFU926:UFV929 UPQ926:UPR929 UZM926:UZN929 VJI926:VJJ929 VTE926:VTF929 WDA926:WDB929 AK930:AL932 AK934:AL937 UC940:UD943 ADY940:ADZ943 ANU940:ANV943 AXQ940:AXR943 BHM940:BHN943 BRI940:BRJ943 CBE940:CBF943 CLA940:CLB943 CUW940:CUX943 DES940:DET943 DOO940:DOP943 DYK940:DYL943 EIG940:EIH943 ESC940:ESD943 FBY940:FBZ943 FLU940:FLV943 FVQ940:FVR943 GFM940:GFN943 GPI940:GPJ943 GZE940:GZF943 HJA940:HJB943 HSW940:HSX943 ICS940:ICT943 IMO940:IMP943 IWK940:IWL943 JGG940:JGH943 JQC940:JQD943 JZY940:JZZ943 KJU940:KJV943 KTQ940:KTR943 LDM940:LDN943 LNI940:LNJ943 LXE940:LXF943 MHA940:MHB943 MQW940:MQX943 NAS940:NAT943 NKO940:NKP943 NUK940:NUL943 OEG940:OEH943 OOC940:OOD943 OXY940:OXZ943 PHU940:PHV943 PRQ940:PRR943 QBM940:QBN943 QLI940:QLJ943 QVE940:QVF943 RFA940:RFB943 ROW940:ROX943 RYS940:RYT943 SIO940:SIP943 SSK940:SSL943 TCG940:TCH943 TMC940:TMD943 TVY940:TVZ943 UFU940:UFV943 UPQ940:UPR943 UZM940:UZN943 VJI940:VJJ943 VTE940:VTF943 WDA940:WDB943 WMW940:WMX943 WMW933:WMX937 WDA933:WDB937 VTE933:VTF937 VJI933:VJJ937 UZM933:UZN937 UPQ933:UPR937 UFU933:UFV937 TVY933:TVZ937 TMC933:TMD937 TCG933:TCH937 SSK933:SSL937 SIO933:SIP937 RYS933:RYT937 ROW933:ROX937 RFA933:RFB937 QVE933:QVF937 QLI933:QLJ937 QBM933:QBN937 PRQ933:PRR937 PHU933:PHV937 OXY933:OXZ937 OOC933:OOD937 OEG933:OEH937 NUK933:NUL937 NKO933:NKP937 NAS933:NAT937 MQW933:MQX937 MHA933:MHB937 LXE933:LXF937 LNI933:LNJ937 LDM933:LDN937 KTQ933:KTR937 KJU933:KJV937 JZY933:JZZ937 JQC933:JQD937 JGG933:JGH937 IWK933:IWL937 IMO933:IMP937 ICS933:ICT937 HSW933:HSX937 HJA933:HJB937 GZE933:GZF937 GPI933:GPJ937 GFM933:GFN937 FVQ933:FVR937 FLU933:FLV937 FBY933:FBZ937 ESC933:ESD937 EIG933:EIH937 DYK933:DYL937 DOO933:DOP937 DES933:DET937 CUW933:CUX937 CLA933:CLB937 CBE933:CBF937 BRI933:BRJ937 BHM933:BHN937 AXQ933:AXR937 ANU933:ANV937 ADY933:ADZ937 UC933:UD937 KG933:KH937 WWS933:WWT937 AK913:AL914 KG870:KH884 AK877:AL878 UC870:UD884 WWS870:WWT884 WMW870:WMX884 WDA870:WDB884 VTE870:VTF884 VJI870:VJJ884 UZM870:UZN884 UPQ870:UPR884 UFU870:UFV884 TVY870:TVZ884 TMC870:TMD884 TCG870:TCH884 SSK870:SSL884 SIO870:SIP884 RYS870:RYT884 ROW870:ROX884 RFA870:RFB884 QVE870:QVF884 QLI870:QLJ884 QBM870:QBN884 PRQ870:PRR884 PHU870:PHV884 OXY870:OXZ884 OOC870:OOD884 OEG870:OEH884 NUK870:NUL884 NKO870:NKP884 NAS870:NAT884 MQW870:MQX884 MHA870:MHB884 LXE870:LXF884 LNI870:LNJ884 LDM870:LDN884 KTQ870:KTR884 KJU870:KJV884 JZY870:JZZ884 JQC870:JQD884 JGG870:JGH884 IWK870:IWL884 IMO870:IMP884 ICS870:ICT884 HSW870:HSX884 HJA870:HJB884 GZE870:GZF884 GPI870:GPJ884 GFM870:GFN884 FVQ870:FVR884 FLU870:FLV884 FBY870:FBZ884 ESC870:ESD884 EIG870:EIH884 DYK870:DYL884 DOO870:DOP884 DES870:DET884 CUW870:CUX884 CLA870:CLB884 CBE870:CBF884 BRI870:BRJ884 BHM870:BHN884 AXQ870:AXR884 ANU870:ANV884 ADY870:ADZ884 AK1366:AL1368 AK880:AL882 VTE895:VTF896 VJI895:VJJ896 UZM895:UZN896 UPQ895:UPR896 UFU895:UFV896 TVY895:TVZ896 TMC895:TMD896 TCG895:TCH896 SSK895:SSL896 SIO895:SIP896 RYS895:RYT896 ROW895:ROX896 RFA895:RFB896 QVE895:QVF896 QLI895:QLJ896 QBM895:QBN896 PRQ895:PRR896 PHU895:PHV896 OXY895:OXZ896 OOC895:OOD896 OEG895:OEH896 NUK895:NUL896 NKO895:NKP896 NAS895:NAT896 MQW895:MQX896 MHA895:MHB896 LXE895:LXF896 LNI895:LNJ896 LDM895:LDN896 KTQ895:KTR896 KJU895:KJV896 JZY895:JZZ896 JQC895:JQD896 JGG895:JGH896 IWK895:IWL896 IMO895:IMP896 ICS895:ICT896 HSW895:HSX896 HJA895:HJB896 GZE895:GZF896 GPI895:GPJ896 GFM895:GFN896 FVQ895:FVR896 FLU895:FLV896 FBY895:FBZ896 ESC895:ESD896 EIG895:EIH896 DYK895:DYL896 DOO895:DOP896 DES895:DET896 CUW895:CUX896 CLA895:CLB896 CBE895:CBF896 BRI895:BRJ896 BHM895:BHN896 AXQ895:AXR896 ANU895:ANV896 ADY895:ADZ896 UC895:UD896 KG895:KH896 WWS895:WWT896 WMW895:WMX896 WDA895:WDB896 AK895:AL895 AK916:AL921 WWS940:WWT943 AK1001:AL1002 AK861:AL863 AK884:AL884 AK1159:AL1162 AK1139:AL1146 AK90:AL91 AK1156:AL1156 AK1227 AK1213:AL1214 AK1249:AL1262 AK1264:AL1265 AK1216:AL1218 AK1245:AL1246 AK1267:AL1273 AK1224:AL1226 AK1176 AK1286:AL1291 AK1375:AL1382 AK1370:AL1372 AK1303:AL1308 AK1293:AL1295 AK1335:AL1336 AK1229:AL1243 AK1339:AL1352 AK1354:AL1355 AK1364:AL1364 AK1357:AL1362 AK1028:AL1035 AK1122:AK1123 AK1125:AK1126 AL1125 AL1122 AK1110:AL1116 AK1038:AL1041 AK1061:AL1063 AK1057:AL1058 AK1066:AL1069 AK1073:AL1086 AK1090:AL1092 AK1101:AL1103 AK1106:AL1108 AK1094:AL1099 AK1119:AK1120 AL1119 AK1128:AL1136 AK1521:AL1534 AK1165:AL1169 AK1517:AL1519 AK1542:AL1556 AK95:AL96 AK100:AL101 AK105:AL106 AK1171 AK1181 AK1184:AL1185 AK1178:AL1180 AK1173:AL1175 Z177:AJ183 T177:V183 T188:V188 AK184:AL184 WMW997:WMX1004 WDA997:WDB1004 VTE997:VTF1004 VJI997:VJJ1004 UZM997:UZN1004 UPQ997:UPR1004 UFU997:UFV1004 TVY997:TVZ1004 TMC997:TMD1004 TCG997:TCH1004 SSK997:SSL1004 SIO997:SIP1004 RYS997:RYT1004 ROW997:ROX1004 RFA997:RFB1004 QVE997:QVF1004 QLI997:QLJ1004 QBM997:QBN1004 PRQ997:PRR1004 PHU997:PHV1004 OXY997:OXZ1004 OOC997:OOD1004 OEG997:OEH1004 NUK997:NUL1004 NKO997:NKP1004 NAS997:NAT1004 MQW997:MQX1004 MHA997:MHB1004 LXE997:LXF1004 LNI997:LNJ1004 LDM997:LDN1004 KTQ997:KTR1004 KJU997:KJV1004 JZY997:JZZ1004 JQC997:JQD1004 JGG997:JGH1004 IWK997:IWL1004 IMO997:IMP1004 ICS997:ICT1004 HSW997:HSX1004 HJA997:HJB1004 GZE997:GZF1004 GPI997:GPJ1004 GFM997:GFN1004 FVQ997:FVR1004 FLU997:FLV1004 FBY997:FBZ1004 ESC997:ESD1004 EIG997:EIH1004 DYK997:DYL1004 DOO997:DOP1004 DES997:DET1004 CUW997:CUX1004 CLA997:CLB1004 CBE997:CBF1004 BRI997:BRJ1004 BHM997:BHN1004 AXQ997:AXR1004 ANU997:ANV1004 ADY997:ADZ1004 UC997:UD1004 KG997:KH1004 WWS997:WWT1004 KG1019:KH1022 WWS1019:WWT1022 AK1013:AL1013 AK1007 AK1019:AL1022 WMW1019:WMX1022 WDA1019:WDB1022 VTE1019:VTF1022 VJI1019:VJJ1022 UZM1019:UZN1022 UPQ1019:UPR1022 UFU1019:UFV1022 TVY1019:TVZ1022 TMC1019:TMD1022 TCG1019:TCH1022 SSK1019:SSL1022 SIO1019:SIP1022 RYS1019:RYT1022 ROW1019:ROX1022 RFA1019:RFB1022 QVE1019:QVF1022 QLI1019:QLJ1022 QBM1019:QBN1022 PRQ1019:PRR1022 PHU1019:PHV1022 OXY1019:OXZ1022 OOC1019:OOD1022 OEG1019:OEH1022 NUK1019:NUL1022 NKO1019:NKP1022 NAS1019:NAT1022 MQW1019:MQX1022 MHA1019:MHB1022 LXE1019:LXF1022 LNI1019:LNJ1022 LDM1019:LDN1022 KTQ1019:KTR1022 KJU1019:KJV1022 JZY1019:JZZ1022 JQC1019:JQD1022 JGG1019:JGH1022 IWK1019:IWL1022 IMO1019:IMP1022 ICS1019:ICT1022 HSW1019:HSX1022 HJA1019:HJB1022 GZE1019:GZF1022 GPI1019:GPJ1022 GFM1019:GFN1022 FVQ1019:FVR1022 FLU1019:FLV1022 FBY1019:FBZ1022 ESC1019:ESD1022 EIG1019:EIH1022 DYK1019:DYL1022 DOO1019:DOP1022 DES1019:DET1022 CUW1019:CUX1022 CLA1019:CLB1022 CBE1019:CBF1022 BRI1019:BRJ1022 BHM1019:BHN1022 AXQ1019:AXR1022 ANU1019:ANV1022 ADY1019:ADZ1022 UC1019:UD1022 KG1025:KH1025 UC1025:UD1025 ADY1025:ADZ1025 ANU1025:ANV1025 AXQ1025:AXR1025 BHM1025:BHN1025 BRI1025:BRJ1025 CBE1025:CBF1025 CLA1025:CLB1025 CUW1025:CUX1025 DES1025:DET1025 DOO1025:DOP1025 DYK1025:DYL1025 EIG1025:EIH1025 ESC1025:ESD1025 FBY1025:FBZ1025 FLU1025:FLV1025 FVQ1025:FVR1025 GFM1025:GFN1025 GPI1025:GPJ1025 GZE1025:GZF1025 HJA1025:HJB1025 HSW1025:HSX1025 ICS1025:ICT1025 IMO1025:IMP1025 IWK1025:IWL1025 JGG1025:JGH1025 JQC1025:JQD1025 JZY1025:JZZ1025 KJU1025:KJV1025 KTQ1025:KTR1025 LDM1025:LDN1025 LNI1025:LNJ1025 LXE1025:LXF1025 MHA1025:MHB1025 MQW1025:MQX1025 NAS1025:NAT1025 NKO1025:NKP1025 NUK1025:NUL1025 OEG1025:OEH1025 OOC1025:OOD1025 OXY1025:OXZ1025 PHU1025:PHV1025 PRQ1025:PRR1025 QBM1025:QBN1025 QLI1025:QLJ1025 QVE1025:QVF1025 RFA1025:RFB1025 ROW1025:ROX1025 RYS1025:RYT1025 SIO1025:SIP1025 SSK1025:SSL1025 TCG1025:TCH1025 TMC1025:TMD1025 TVY1025:TVZ1025 UFU1025:UFV1025 UPQ1025:UPR1025 UZM1025:UZN1025 VJI1025:VJJ1025 VTE1025:VTF1025 WDA1025:WDB1025 WMW1025:WMX1025 WWS1025:WWT1025 AK654:AL676 AK807:AL840 AK1049:AL1054 AK1310:AL1333"/>
    <dataValidation imeMode="halfAlpha" allowBlank="1" showInputMessage="1" showErrorMessage="1" sqref="W191:Y191 W207:Y207 W199:Y199 K57:M57 Q41:R44 I41:J44 M41:N44 JI41:JJ42 TE41:TF42 ADA41:ADB42 AMW41:AMX42 AWS41:AWT42 BGO41:BGP42 BQK41:BQL42 CAG41:CAH42 CKC41:CKD42 CTY41:CTZ42 DDU41:DDV42 DNQ41:DNR42 DXM41:DXN42 EHI41:EHJ42 ERE41:ERF42 FBA41:FBB42 FKW41:FKX42 FUS41:FUT42 GEO41:GEP42 GOK41:GOL42 GYG41:GYH42 HIC41:HID42 HRY41:HRZ42 IBU41:IBV42 ILQ41:ILR42 IVM41:IVN42 JFI41:JFJ42 JPE41:JPF42 JZA41:JZB42 KIW41:KIX42 KSS41:KST42 LCO41:LCP42 LMK41:LML42 LWG41:LWH42 MGC41:MGD42 MPY41:MPZ42 MZU41:MZV42 NJQ41:NJR42 NTM41:NTN42 ODI41:ODJ42 ONE41:ONF42 OXA41:OXB42 PGW41:PGX42 PQS41:PQT42 QAO41:QAP42 QKK41:QKL42 QUG41:QUH42 REC41:RED42 RNY41:RNZ42 RXU41:RXV42 SHQ41:SHR42 SRM41:SRN42 TBI41:TBJ42 TLE41:TLF42 TVA41:TVB42 UEW41:UEX42 UOS41:UOT42 UYO41:UYP42 VIK41:VIL42 VSG41:VSH42 WCC41:WCD42 WLY41:WLZ42 WVU41:WVV42 JE41:JF42 TA41:TB42 ACW41:ACX42 AMS41:AMT42 AWO41:AWP42 BGK41:BGL42 BQG41:BQH42 CAC41:CAD42 CJY41:CJZ42 CTU41:CTV42 DDQ41:DDR42 DNM41:DNN42 DXI41:DXJ42 EHE41:EHF42 ERA41:ERB42 FAW41:FAX42 FKS41:FKT42 FUO41:FUP42 GEK41:GEL42 GOG41:GOH42 GYC41:GYD42 HHY41:HHZ42 HRU41:HRV42 IBQ41:IBR42 ILM41:ILN42 IVI41:IVJ42 JFE41:JFF42 JPA41:JPB42 JYW41:JYX42 KIS41:KIT42 KSO41:KSP42 LCK41:LCL42 LMG41:LMH42 LWC41:LWD42 MFY41:MFZ42 MPU41:MPV42 MZQ41:MZR42 NJM41:NJN42 NTI41:NTJ42 ODE41:ODF42 ONA41:ONB42 OWW41:OWX42 PGS41:PGT42 PQO41:PQP42 QAK41:QAL42 QKG41:QKH42 QUC41:QUD42 RDY41:RDZ42 RNU41:RNV42 RXQ41:RXR42 SHM41:SHN42 SRI41:SRJ42 TBE41:TBF42 TLA41:TLB42 TUW41:TUX42 UES41:UET42 UOO41:UOP42 UYK41:UYL42 VIG41:VIH42 VSC41:VSD42 WBY41:WBZ42 WLU41:WLV42 WVQ41:WVR42 JM41:JN42 TI41:TJ42 ADE41:ADF42 ANA41:ANB42 AWW41:AWX42 BGS41:BGT42 BQO41:BQP42 CAK41:CAL42 CKG41:CKH42 CUC41:CUD42 DDY41:DDZ42 DNU41:DNV42 DXQ41:DXR42 EHM41:EHN42 ERI41:ERJ42 FBE41:FBF42 FLA41:FLB42 FUW41:FUX42 GES41:GET42 GOO41:GOP42 GYK41:GYL42 HIG41:HIH42 HSC41:HSD42 IBY41:IBZ42 ILU41:ILV42 IVQ41:IVR42 JFM41:JFN42 JPI41:JPJ42 JZE41:JZF42 KJA41:KJB42 KSW41:KSX42 LCS41:LCT42 LMO41:LMP42 LWK41:LWL42 MGG41:MGH42 MQC41:MQD42 MZY41:MZZ42 NJU41:NJV42 NTQ41:NTR42 ODM41:ODN42 ONI41:ONJ42 OXE41:OXF42 PHA41:PHB42 PQW41:PQX42 QAS41:QAT42 QKO41:QKP42 QUK41:QUL42 REG41:REH42 ROC41:ROD42 RXY41:RXZ42 SHU41:SHV42 SRQ41:SRR42 TBM41:TBN42 TLI41:TLJ42 TVE41:TVF42 UFA41:UFB42 UOW41:UOX42 UYS41:UYT42 VIO41:VIP42 VSK41:VSL42 WCG41:WCH42 WMC41:WMD42 WVY41:WVZ42 O57:R57 W181:Y183 W188:Y188"/>
    <dataValidation imeMode="fullKatakana" allowBlank="1" showInputMessage="1" showErrorMessage="1" sqref="J53:J54 O53:AL53"/>
  </dataValidation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rowBreaks count="23" manualBreakCount="23">
    <brk id="63" max="16383" man="1"/>
    <brk id="118" max="16383" man="1"/>
    <brk id="171" max="16383" man="1"/>
    <brk id="227" max="16383" man="1"/>
    <brk id="286" max="16383" man="1"/>
    <brk id="346" max="16383" man="1"/>
    <brk id="404" max="16383" man="1"/>
    <brk id="467" max="16383" man="1"/>
    <brk id="525" max="16383" man="1"/>
    <brk id="588" max="16383" man="1"/>
    <brk id="653" max="16383" man="1"/>
    <brk id="776" max="16383" man="1"/>
    <brk id="840" max="16383" man="1"/>
    <brk id="902" max="37" man="1"/>
    <brk id="966" max="16383" man="1"/>
    <brk id="1031" max="16383" man="1"/>
    <brk id="1095" max="16383" man="1"/>
    <brk id="1156" max="16383" man="1"/>
    <brk id="1222" max="16383" man="1"/>
    <brk id="1283" max="16383" man="1"/>
    <brk id="1412" max="16383" man="1"/>
    <brk id="1476" max="16383" man="1"/>
    <brk id="1540"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W21" sqref="W21"/>
    </sheetView>
  </sheetViews>
  <sheetFormatPr defaultColWidth="9.08984375" defaultRowHeight="13"/>
  <cols>
    <col min="1" max="37" width="2.08984375" style="62" customWidth="1"/>
    <col min="38" max="38" width="4.08984375" style="62" customWidth="1"/>
    <col min="39" max="42" width="2.08984375" style="62" customWidth="1"/>
    <col min="43" max="16384" width="9.08984375" style="62"/>
  </cols>
  <sheetData>
    <row r="1" spans="1:38">
      <c r="A1" s="61"/>
      <c r="B1" s="61"/>
      <c r="AJ1" s="62" t="s">
        <v>292</v>
      </c>
    </row>
    <row r="2" spans="1:38">
      <c r="A2" s="61" t="s">
        <v>396</v>
      </c>
      <c r="B2" s="61" t="s">
        <v>293</v>
      </c>
    </row>
    <row r="3" spans="1:38">
      <c r="A3" s="61"/>
      <c r="B3" s="61"/>
    </row>
    <row r="4" spans="1:38">
      <c r="A4" s="63"/>
      <c r="B4" s="63"/>
      <c r="C4" s="585" t="s">
        <v>294</v>
      </c>
      <c r="D4" s="586"/>
      <c r="E4" s="586"/>
      <c r="F4" s="586"/>
      <c r="G4" s="586"/>
      <c r="H4" s="586"/>
      <c r="I4" s="586"/>
      <c r="J4" s="586"/>
      <c r="K4" s="586"/>
      <c r="L4" s="586"/>
      <c r="M4" s="586"/>
      <c r="N4" s="586"/>
      <c r="O4" s="586"/>
      <c r="P4" s="586"/>
      <c r="Q4" s="586"/>
      <c r="R4" s="586"/>
      <c r="S4" s="586"/>
      <c r="T4" s="586"/>
      <c r="U4" s="586"/>
      <c r="V4" s="586"/>
      <c r="W4" s="586"/>
      <c r="X4" s="586"/>
      <c r="Y4" s="586"/>
      <c r="Z4" s="586"/>
      <c r="AA4" s="586"/>
      <c r="AB4" s="586"/>
      <c r="AC4" s="586"/>
      <c r="AD4" s="586"/>
      <c r="AE4" s="586"/>
      <c r="AF4" s="586"/>
      <c r="AG4" s="586"/>
      <c r="AH4" s="586"/>
      <c r="AI4" s="586"/>
      <c r="AJ4" s="586"/>
      <c r="AK4" s="586"/>
      <c r="AL4" s="64"/>
    </row>
    <row r="5" spans="1:38">
      <c r="A5" s="63"/>
      <c r="B5" s="63"/>
      <c r="C5" s="586"/>
      <c r="D5" s="586"/>
      <c r="E5" s="586"/>
      <c r="F5" s="586"/>
      <c r="G5" s="586"/>
      <c r="H5" s="586"/>
      <c r="I5" s="586"/>
      <c r="J5" s="586"/>
      <c r="K5" s="586"/>
      <c r="L5" s="586"/>
      <c r="M5" s="586"/>
      <c r="N5" s="586"/>
      <c r="O5" s="586"/>
      <c r="P5" s="586"/>
      <c r="Q5" s="586"/>
      <c r="R5" s="586"/>
      <c r="S5" s="586"/>
      <c r="T5" s="586"/>
      <c r="U5" s="586"/>
      <c r="V5" s="586"/>
      <c r="W5" s="586"/>
      <c r="X5" s="586"/>
      <c r="Y5" s="586"/>
      <c r="Z5" s="586"/>
      <c r="AA5" s="586"/>
      <c r="AB5" s="586"/>
      <c r="AC5" s="586"/>
      <c r="AD5" s="586"/>
      <c r="AE5" s="586"/>
      <c r="AF5" s="586"/>
      <c r="AG5" s="586"/>
      <c r="AH5" s="586"/>
      <c r="AI5" s="586"/>
      <c r="AJ5" s="586"/>
      <c r="AK5" s="586"/>
      <c r="AL5" s="64"/>
    </row>
    <row r="6" spans="1:38">
      <c r="A6" s="63"/>
      <c r="B6" s="63"/>
      <c r="C6" s="586"/>
      <c r="D6" s="586"/>
      <c r="E6" s="586"/>
      <c r="F6" s="586"/>
      <c r="G6" s="586"/>
      <c r="H6" s="586"/>
      <c r="I6" s="586"/>
      <c r="J6" s="586"/>
      <c r="K6" s="586"/>
      <c r="L6" s="586"/>
      <c r="M6" s="586"/>
      <c r="N6" s="586"/>
      <c r="O6" s="586"/>
      <c r="P6" s="586"/>
      <c r="Q6" s="586"/>
      <c r="R6" s="586"/>
      <c r="S6" s="586"/>
      <c r="T6" s="586"/>
      <c r="U6" s="586"/>
      <c r="V6" s="586"/>
      <c r="W6" s="586"/>
      <c r="X6" s="586"/>
      <c r="Y6" s="586"/>
      <c r="Z6" s="586"/>
      <c r="AA6" s="586"/>
      <c r="AB6" s="586"/>
      <c r="AC6" s="586"/>
      <c r="AD6" s="586"/>
      <c r="AE6" s="586"/>
      <c r="AF6" s="586"/>
      <c r="AG6" s="586"/>
      <c r="AH6" s="586"/>
      <c r="AI6" s="586"/>
      <c r="AJ6" s="586"/>
      <c r="AK6" s="586"/>
      <c r="AL6" s="64"/>
    </row>
    <row r="7" spans="1:38" s="69" customFormat="1">
      <c r="A7" s="65"/>
      <c r="B7" s="65"/>
      <c r="C7" s="66" t="s">
        <v>396</v>
      </c>
      <c r="D7" s="67" t="s">
        <v>397</v>
      </c>
      <c r="E7" s="66"/>
      <c r="F7" s="66"/>
      <c r="G7" s="66"/>
      <c r="H7" s="66"/>
      <c r="I7" s="66"/>
      <c r="J7" s="66"/>
      <c r="K7" s="66"/>
      <c r="L7" s="66"/>
      <c r="M7" s="66"/>
      <c r="N7" s="66"/>
      <c r="O7" s="66"/>
      <c r="P7" s="66"/>
      <c r="Q7" s="66"/>
      <c r="R7" s="66"/>
      <c r="S7" s="66"/>
      <c r="T7" s="66"/>
      <c r="U7" s="66"/>
      <c r="V7" s="66"/>
      <c r="W7" s="68"/>
      <c r="X7" s="68"/>
      <c r="Y7" s="68"/>
      <c r="Z7" s="68"/>
      <c r="AA7" s="68"/>
      <c r="AB7" s="68"/>
      <c r="AC7" s="68"/>
      <c r="AD7" s="68"/>
      <c r="AE7" s="68"/>
      <c r="AF7" s="68"/>
      <c r="AG7" s="68"/>
      <c r="AH7" s="68"/>
      <c r="AI7" s="68"/>
      <c r="AJ7" s="68"/>
      <c r="AK7" s="64"/>
      <c r="AL7" s="64"/>
    </row>
    <row r="8" spans="1:38" s="69" customFormat="1">
      <c r="A8" s="65"/>
      <c r="B8" s="65"/>
      <c r="C8" s="66"/>
      <c r="D8" s="67" t="s">
        <v>435</v>
      </c>
      <c r="E8" s="66"/>
      <c r="F8" s="66"/>
      <c r="G8" s="66"/>
      <c r="H8" s="66"/>
      <c r="I8" s="66"/>
      <c r="J8" s="66"/>
      <c r="K8" s="66"/>
      <c r="L8" s="66"/>
      <c r="M8" s="66"/>
      <c r="N8" s="66"/>
      <c r="O8" s="66"/>
      <c r="P8" s="66"/>
      <c r="Q8" s="66"/>
      <c r="R8" s="66"/>
      <c r="S8" s="66"/>
      <c r="T8" s="66"/>
      <c r="U8" s="66"/>
      <c r="V8" s="66"/>
      <c r="W8" s="68"/>
      <c r="X8" s="68"/>
      <c r="Y8" s="68"/>
      <c r="Z8" s="68"/>
      <c r="AA8" s="68"/>
      <c r="AB8" s="68"/>
      <c r="AC8" s="68"/>
      <c r="AD8" s="68"/>
      <c r="AE8" s="68"/>
      <c r="AF8" s="68"/>
      <c r="AG8" s="68"/>
      <c r="AH8" s="68"/>
      <c r="AI8" s="68"/>
      <c r="AJ8" s="68"/>
      <c r="AK8" s="64"/>
      <c r="AL8" s="64"/>
    </row>
    <row r="9" spans="1:38" s="69" customFormat="1">
      <c r="A9" s="65"/>
      <c r="B9" s="65"/>
      <c r="C9" s="66"/>
      <c r="D9" s="67"/>
      <c r="E9" s="66"/>
      <c r="F9" s="66"/>
      <c r="G9" s="66"/>
      <c r="H9" s="66"/>
      <c r="I9" s="66"/>
      <c r="J9" s="66"/>
      <c r="K9" s="66"/>
      <c r="L9" s="66"/>
      <c r="M9" s="66"/>
      <c r="N9" s="66"/>
      <c r="O9" s="66"/>
      <c r="P9" s="66"/>
      <c r="Q9" s="66"/>
      <c r="R9" s="66"/>
      <c r="S9" s="66"/>
      <c r="T9" s="66"/>
      <c r="U9" s="66"/>
      <c r="V9" s="66"/>
      <c r="W9" s="68"/>
      <c r="X9" s="68"/>
      <c r="Y9" s="68"/>
      <c r="Z9" s="68"/>
      <c r="AA9" s="68"/>
      <c r="AB9" s="68"/>
      <c r="AC9" s="68"/>
      <c r="AD9" s="68"/>
      <c r="AE9" s="68"/>
      <c r="AF9" s="68"/>
      <c r="AG9" s="68"/>
      <c r="AH9" s="68"/>
      <c r="AI9" s="68"/>
      <c r="AJ9" s="68"/>
      <c r="AK9" s="64"/>
      <c r="AL9" s="64"/>
    </row>
    <row r="10" spans="1:38" s="69" customFormat="1">
      <c r="A10" s="65"/>
      <c r="B10" s="65"/>
      <c r="C10" s="66"/>
      <c r="D10" s="67" t="s">
        <v>398</v>
      </c>
      <c r="E10" s="66"/>
      <c r="F10" s="66"/>
      <c r="G10" s="66"/>
      <c r="H10" s="66"/>
      <c r="I10" s="66"/>
      <c r="J10" s="66"/>
      <c r="K10" s="66"/>
      <c r="L10" s="66"/>
      <c r="M10" s="66"/>
      <c r="N10" s="66"/>
      <c r="O10" s="66"/>
      <c r="P10" s="66"/>
      <c r="Q10" s="66"/>
      <c r="R10" s="66"/>
      <c r="S10" s="66"/>
      <c r="T10" s="66"/>
      <c r="U10" s="66"/>
      <c r="V10" s="66"/>
      <c r="W10" s="68"/>
      <c r="X10" s="68"/>
      <c r="Y10" s="68"/>
      <c r="Z10" s="68"/>
      <c r="AA10" s="68"/>
      <c r="AB10" s="68"/>
      <c r="AC10" s="68"/>
      <c r="AD10" s="68"/>
      <c r="AE10" s="68"/>
      <c r="AF10" s="68"/>
      <c r="AG10" s="68"/>
      <c r="AH10" s="68"/>
      <c r="AI10" s="68"/>
      <c r="AJ10" s="68"/>
      <c r="AK10" s="64"/>
      <c r="AL10" s="64"/>
    </row>
    <row r="11" spans="1:38" s="69" customFormat="1">
      <c r="A11" s="65"/>
      <c r="B11" s="65"/>
      <c r="C11" s="66"/>
      <c r="D11" s="67" t="s">
        <v>272</v>
      </c>
      <c r="E11" s="66"/>
      <c r="F11" s="66"/>
      <c r="G11" s="66"/>
      <c r="H11" s="66"/>
      <c r="I11" s="66"/>
      <c r="J11" s="66"/>
      <c r="K11" s="66"/>
      <c r="L11" s="66"/>
      <c r="M11" s="66"/>
      <c r="N11" s="66"/>
      <c r="O11" s="66"/>
      <c r="P11" s="66"/>
      <c r="Q11" s="66"/>
      <c r="R11" s="66"/>
      <c r="S11" s="66"/>
      <c r="T11" s="66"/>
      <c r="U11" s="66"/>
      <c r="V11" s="66"/>
      <c r="W11" s="68"/>
      <c r="X11" s="68"/>
      <c r="Y11" s="68"/>
      <c r="Z11" s="68"/>
      <c r="AA11" s="68"/>
      <c r="AB11" s="68"/>
      <c r="AC11" s="68"/>
      <c r="AD11" s="68"/>
      <c r="AE11" s="68"/>
      <c r="AF11" s="68"/>
      <c r="AG11" s="68"/>
      <c r="AH11" s="68"/>
      <c r="AI11" s="68"/>
      <c r="AJ11" s="68"/>
      <c r="AK11" s="64"/>
      <c r="AL11" s="64"/>
    </row>
    <row r="12" spans="1:38" s="69" customFormat="1">
      <c r="A12" s="65"/>
      <c r="B12" s="65"/>
      <c r="C12" s="66"/>
      <c r="D12" s="67"/>
      <c r="E12" s="66"/>
      <c r="F12" s="66"/>
      <c r="G12" s="66"/>
      <c r="H12" s="66"/>
      <c r="I12" s="66"/>
      <c r="J12" s="66"/>
      <c r="K12" s="66"/>
      <c r="L12" s="66"/>
      <c r="M12" s="66"/>
      <c r="N12" s="66"/>
      <c r="O12" s="66"/>
      <c r="P12" s="66"/>
      <c r="Q12" s="66"/>
      <c r="R12" s="66"/>
      <c r="S12" s="66"/>
      <c r="T12" s="66"/>
      <c r="U12" s="66"/>
      <c r="V12" s="66"/>
      <c r="W12" s="68"/>
      <c r="X12" s="68"/>
      <c r="Y12" s="68"/>
      <c r="Z12" s="68"/>
      <c r="AA12" s="68"/>
      <c r="AB12" s="68"/>
      <c r="AC12" s="68"/>
      <c r="AD12" s="68"/>
      <c r="AE12" s="68"/>
      <c r="AF12" s="68"/>
      <c r="AG12" s="68"/>
      <c r="AH12" s="68"/>
      <c r="AI12" s="68"/>
      <c r="AJ12" s="68"/>
      <c r="AK12" s="64"/>
      <c r="AL12" s="64"/>
    </row>
    <row r="13" spans="1:38" s="69" customFormat="1">
      <c r="A13" s="65"/>
      <c r="B13" s="65"/>
      <c r="C13" s="66"/>
      <c r="D13" s="67" t="s">
        <v>399</v>
      </c>
      <c r="E13" s="66"/>
      <c r="F13" s="66"/>
      <c r="G13" s="66"/>
      <c r="H13" s="66"/>
      <c r="I13" s="66"/>
      <c r="J13" s="66"/>
      <c r="K13" s="66"/>
      <c r="L13" s="66"/>
      <c r="M13" s="66"/>
      <c r="N13" s="66"/>
      <c r="O13" s="66"/>
      <c r="P13" s="66"/>
      <c r="Q13" s="66"/>
      <c r="R13" s="66"/>
      <c r="S13" s="66"/>
      <c r="T13" s="66"/>
      <c r="U13" s="66"/>
      <c r="V13" s="66"/>
      <c r="W13" s="68"/>
      <c r="X13" s="68"/>
      <c r="Y13" s="68"/>
      <c r="Z13" s="68"/>
      <c r="AA13" s="68"/>
      <c r="AB13" s="68"/>
      <c r="AC13" s="68"/>
      <c r="AD13" s="68"/>
      <c r="AE13" s="68"/>
      <c r="AF13" s="68"/>
      <c r="AG13" s="68"/>
      <c r="AH13" s="68"/>
      <c r="AI13" s="68"/>
      <c r="AJ13" s="68"/>
      <c r="AK13" s="64"/>
      <c r="AL13" s="64"/>
    </row>
    <row r="14" spans="1:38" s="69" customFormat="1">
      <c r="A14" s="65"/>
      <c r="B14" s="65"/>
      <c r="C14" s="66"/>
      <c r="D14" s="67" t="s">
        <v>400</v>
      </c>
      <c r="E14" s="66"/>
      <c r="F14" s="66"/>
      <c r="G14" s="66"/>
      <c r="H14" s="66"/>
      <c r="I14" s="66"/>
      <c r="J14" s="66"/>
      <c r="K14" s="66"/>
      <c r="L14" s="66"/>
      <c r="M14" s="66"/>
      <c r="N14" s="66"/>
      <c r="O14" s="66"/>
      <c r="P14" s="66"/>
      <c r="Q14" s="66"/>
      <c r="R14" s="66"/>
      <c r="S14" s="66"/>
      <c r="T14" s="66"/>
      <c r="U14" s="66"/>
      <c r="V14" s="66"/>
      <c r="W14" s="68"/>
      <c r="X14" s="68"/>
      <c r="Y14" s="68"/>
      <c r="Z14" s="68"/>
      <c r="AA14" s="68"/>
      <c r="AB14" s="68"/>
      <c r="AC14" s="68"/>
      <c r="AD14" s="68"/>
      <c r="AE14" s="68"/>
      <c r="AF14" s="68"/>
      <c r="AG14" s="68"/>
      <c r="AH14" s="68"/>
      <c r="AI14" s="68"/>
      <c r="AJ14" s="68"/>
      <c r="AK14" s="64"/>
      <c r="AL14" s="64"/>
    </row>
    <row r="15" spans="1:38" s="69" customFormat="1">
      <c r="A15" s="65"/>
      <c r="B15" s="65"/>
      <c r="C15" s="66"/>
      <c r="D15" s="67" t="s">
        <v>295</v>
      </c>
      <c r="E15" s="66"/>
      <c r="F15" s="66"/>
      <c r="G15" s="66"/>
      <c r="H15" s="66"/>
      <c r="I15" s="66"/>
      <c r="J15" s="66"/>
      <c r="K15" s="66"/>
      <c r="L15" s="66"/>
      <c r="M15" s="66"/>
      <c r="N15" s="66"/>
      <c r="O15" s="66"/>
      <c r="P15" s="66"/>
      <c r="Q15" s="66"/>
      <c r="R15" s="66"/>
      <c r="S15" s="66"/>
      <c r="T15" s="66"/>
      <c r="U15" s="66"/>
      <c r="V15" s="66"/>
      <c r="W15" s="68"/>
      <c r="X15" s="68"/>
      <c r="Y15" s="68"/>
      <c r="Z15" s="68"/>
      <c r="AA15" s="68"/>
      <c r="AB15" s="68"/>
      <c r="AC15" s="68"/>
      <c r="AD15" s="68"/>
      <c r="AE15" s="68"/>
      <c r="AF15" s="68"/>
      <c r="AG15" s="68"/>
      <c r="AH15" s="68"/>
      <c r="AI15" s="68"/>
      <c r="AJ15" s="68"/>
      <c r="AK15" s="64"/>
      <c r="AL15" s="64"/>
    </row>
    <row r="16" spans="1:38" s="69" customFormat="1">
      <c r="A16" s="65"/>
      <c r="B16" s="65"/>
      <c r="C16" s="66"/>
      <c r="D16" s="67"/>
      <c r="E16" s="66"/>
      <c r="F16" s="66"/>
      <c r="G16" s="66"/>
      <c r="H16" s="66"/>
      <c r="I16" s="66"/>
      <c r="J16" s="66"/>
      <c r="K16" s="66"/>
      <c r="L16" s="66"/>
      <c r="M16" s="66"/>
      <c r="N16" s="66"/>
      <c r="O16" s="66"/>
      <c r="P16" s="66"/>
      <c r="Q16" s="66"/>
      <c r="R16" s="66"/>
      <c r="S16" s="66"/>
      <c r="T16" s="66"/>
      <c r="U16" s="66"/>
      <c r="V16" s="66"/>
      <c r="W16" s="68"/>
      <c r="X16" s="68"/>
      <c r="Y16" s="68"/>
      <c r="Z16" s="68"/>
      <c r="AA16" s="68"/>
      <c r="AB16" s="68"/>
      <c r="AC16" s="68"/>
      <c r="AD16" s="68"/>
      <c r="AE16" s="68"/>
      <c r="AF16" s="68"/>
      <c r="AG16" s="68"/>
      <c r="AH16" s="68"/>
      <c r="AI16" s="68"/>
      <c r="AJ16" s="68"/>
      <c r="AK16" s="64"/>
      <c r="AL16" s="64"/>
    </row>
    <row r="17" spans="1:38" s="69" customFormat="1">
      <c r="A17" s="65"/>
      <c r="B17" s="65"/>
      <c r="C17" s="66"/>
      <c r="D17" s="67" t="s">
        <v>663</v>
      </c>
      <c r="E17" s="66"/>
      <c r="F17" s="66"/>
      <c r="G17" s="66"/>
      <c r="H17" s="66"/>
      <c r="I17" s="66"/>
      <c r="J17" s="66"/>
      <c r="K17" s="66"/>
      <c r="L17" s="66"/>
      <c r="M17" s="66"/>
      <c r="N17" s="66"/>
      <c r="O17" s="66"/>
      <c r="P17" s="66"/>
      <c r="Q17" s="66"/>
      <c r="R17" s="66"/>
      <c r="S17" s="66"/>
      <c r="T17" s="66"/>
      <c r="U17" s="66"/>
      <c r="V17" s="66"/>
      <c r="W17" s="68"/>
      <c r="X17" s="68"/>
      <c r="Y17" s="68"/>
      <c r="Z17" s="68"/>
      <c r="AA17" s="68"/>
      <c r="AB17" s="68"/>
      <c r="AC17" s="68"/>
      <c r="AD17" s="68"/>
      <c r="AE17" s="68"/>
      <c r="AF17" s="68"/>
      <c r="AG17" s="68"/>
      <c r="AH17" s="68"/>
      <c r="AI17" s="68"/>
      <c r="AJ17" s="68"/>
      <c r="AK17" s="64"/>
      <c r="AL17" s="64"/>
    </row>
    <row r="18" spans="1:38" s="69" customFormat="1" ht="13" customHeight="1">
      <c r="A18" s="65"/>
      <c r="B18" s="65"/>
      <c r="C18" s="66"/>
      <c r="D18" s="587" t="s">
        <v>664</v>
      </c>
      <c r="E18" s="587"/>
      <c r="F18" s="587"/>
      <c r="G18" s="587"/>
      <c r="H18" s="587"/>
      <c r="I18" s="587"/>
      <c r="J18" s="587"/>
      <c r="K18" s="587"/>
      <c r="L18" s="587"/>
      <c r="M18" s="587"/>
      <c r="N18" s="587"/>
      <c r="O18" s="587"/>
      <c r="P18" s="587"/>
      <c r="Q18" s="587"/>
      <c r="R18" s="587"/>
      <c r="S18" s="587"/>
      <c r="T18" s="587"/>
      <c r="U18" s="587"/>
      <c r="V18" s="587"/>
      <c r="W18" s="587"/>
      <c r="X18" s="587"/>
      <c r="Y18" s="587"/>
      <c r="Z18" s="587"/>
      <c r="AA18" s="587"/>
      <c r="AB18" s="587"/>
      <c r="AC18" s="587"/>
      <c r="AD18" s="587"/>
      <c r="AE18" s="587"/>
      <c r="AF18" s="587"/>
      <c r="AG18" s="587"/>
      <c r="AH18" s="587"/>
      <c r="AI18" s="587"/>
      <c r="AJ18" s="587"/>
      <c r="AK18" s="587"/>
      <c r="AL18" s="587"/>
    </row>
    <row r="19" spans="1:38" s="69" customFormat="1">
      <c r="A19" s="65"/>
      <c r="B19" s="65"/>
      <c r="C19" s="66"/>
      <c r="D19" s="70"/>
      <c r="E19" s="70"/>
      <c r="F19" s="70"/>
      <c r="G19" s="70"/>
      <c r="H19" s="70"/>
      <c r="I19" s="70"/>
      <c r="J19" s="70"/>
      <c r="K19" s="70"/>
      <c r="L19" s="70"/>
      <c r="M19" s="70"/>
      <c r="N19" s="70"/>
      <c r="O19" s="70"/>
      <c r="P19" s="70"/>
      <c r="Q19" s="70"/>
      <c r="R19" s="70"/>
      <c r="S19" s="70"/>
      <c r="T19" s="70"/>
      <c r="U19" s="70"/>
      <c r="V19" s="70"/>
      <c r="W19" s="70"/>
      <c r="X19" s="70"/>
      <c r="Y19" s="70"/>
      <c r="Z19" s="70"/>
      <c r="AA19" s="70"/>
      <c r="AB19" s="70"/>
      <c r="AC19" s="70"/>
      <c r="AD19" s="70"/>
      <c r="AE19" s="70"/>
      <c r="AF19" s="70"/>
      <c r="AG19" s="70"/>
      <c r="AH19" s="70"/>
      <c r="AI19" s="70"/>
      <c r="AJ19" s="70"/>
      <c r="AK19" s="70"/>
      <c r="AL19" s="70"/>
    </row>
    <row r="20" spans="1:38" s="69" customFormat="1">
      <c r="A20" s="65"/>
      <c r="B20" s="65"/>
      <c r="C20" s="66"/>
      <c r="D20" s="67" t="s">
        <v>273</v>
      </c>
      <c r="E20" s="66"/>
      <c r="F20" s="66"/>
      <c r="G20" s="66"/>
      <c r="H20" s="66"/>
      <c r="I20" s="66"/>
      <c r="J20" s="66"/>
      <c r="K20" s="66"/>
      <c r="L20" s="66"/>
      <c r="M20" s="66"/>
      <c r="N20" s="66"/>
      <c r="O20" s="66"/>
      <c r="P20" s="66"/>
      <c r="Q20" s="66"/>
      <c r="R20" s="66"/>
      <c r="S20" s="66"/>
      <c r="T20" s="66"/>
      <c r="U20" s="66"/>
      <c r="V20" s="66"/>
      <c r="W20" s="68"/>
      <c r="X20" s="68"/>
      <c r="Y20" s="68"/>
      <c r="Z20" s="68"/>
      <c r="AA20" s="68"/>
      <c r="AB20" s="68"/>
      <c r="AC20" s="68"/>
      <c r="AD20" s="68"/>
      <c r="AE20" s="68"/>
      <c r="AF20" s="68"/>
      <c r="AG20" s="68"/>
      <c r="AH20" s="68"/>
      <c r="AI20" s="68"/>
      <c r="AJ20" s="68"/>
      <c r="AK20" s="64"/>
      <c r="AL20" s="64"/>
    </row>
    <row r="21" spans="1:38" s="69" customFormat="1">
      <c r="A21" s="65"/>
      <c r="B21" s="65"/>
      <c r="C21" s="66"/>
      <c r="D21" s="67" t="s">
        <v>274</v>
      </c>
      <c r="E21" s="66"/>
      <c r="F21" s="66"/>
      <c r="G21" s="66"/>
      <c r="H21" s="66"/>
      <c r="I21" s="66"/>
      <c r="J21" s="66"/>
      <c r="K21" s="66"/>
      <c r="L21" s="66"/>
      <c r="M21" s="66"/>
      <c r="N21" s="66"/>
      <c r="O21" s="66"/>
      <c r="P21" s="66"/>
      <c r="Q21" s="66"/>
      <c r="R21" s="66"/>
      <c r="S21" s="66"/>
      <c r="T21" s="66"/>
      <c r="U21" s="66"/>
      <c r="V21" s="66"/>
      <c r="W21" s="68"/>
      <c r="X21" s="68"/>
      <c r="Y21" s="68"/>
      <c r="Z21" s="68"/>
      <c r="AA21" s="68"/>
      <c r="AB21" s="68"/>
      <c r="AC21" s="68"/>
      <c r="AD21" s="68"/>
      <c r="AE21" s="68"/>
      <c r="AF21" s="68"/>
      <c r="AG21" s="68"/>
      <c r="AH21" s="68"/>
      <c r="AI21" s="68"/>
      <c r="AJ21" s="68"/>
      <c r="AK21" s="64"/>
      <c r="AL21" s="64"/>
    </row>
    <row r="22" spans="1:38" s="69" customFormat="1">
      <c r="A22" s="65"/>
      <c r="B22" s="65"/>
      <c r="C22" s="66"/>
      <c r="D22" s="67" t="s">
        <v>275</v>
      </c>
      <c r="E22" s="66"/>
      <c r="F22" s="66"/>
      <c r="G22" s="66"/>
      <c r="H22" s="66"/>
      <c r="I22" s="66"/>
      <c r="J22" s="66"/>
      <c r="K22" s="66"/>
      <c r="L22" s="66"/>
      <c r="M22" s="66"/>
      <c r="N22" s="66"/>
      <c r="O22" s="66"/>
      <c r="P22" s="66"/>
      <c r="Q22" s="66"/>
      <c r="R22" s="66"/>
      <c r="S22" s="66"/>
      <c r="T22" s="66"/>
      <c r="U22" s="66"/>
      <c r="V22" s="66"/>
      <c r="W22" s="68"/>
      <c r="X22" s="68"/>
      <c r="Y22" s="68"/>
      <c r="Z22" s="68"/>
      <c r="AA22" s="68"/>
      <c r="AB22" s="68"/>
      <c r="AC22" s="68"/>
      <c r="AD22" s="68"/>
      <c r="AE22" s="68"/>
      <c r="AF22" s="68"/>
      <c r="AG22" s="68"/>
      <c r="AH22" s="68"/>
      <c r="AI22" s="68"/>
      <c r="AJ22" s="68"/>
      <c r="AK22" s="64"/>
      <c r="AL22" s="64"/>
    </row>
    <row r="23" spans="1:38" s="69" customFormat="1">
      <c r="A23" s="65"/>
      <c r="B23" s="65"/>
      <c r="C23" s="66"/>
      <c r="D23" s="67"/>
      <c r="E23" s="66"/>
      <c r="F23" s="66"/>
      <c r="G23" s="66"/>
      <c r="H23" s="66"/>
      <c r="I23" s="66"/>
      <c r="J23" s="66"/>
      <c r="K23" s="66"/>
      <c r="L23" s="66"/>
      <c r="M23" s="66"/>
      <c r="N23" s="66"/>
      <c r="O23" s="66"/>
      <c r="P23" s="66"/>
      <c r="Q23" s="66"/>
      <c r="R23" s="66"/>
      <c r="S23" s="66"/>
      <c r="T23" s="66"/>
      <c r="U23" s="66"/>
      <c r="V23" s="66"/>
      <c r="W23" s="68"/>
      <c r="X23" s="68"/>
      <c r="Y23" s="68"/>
      <c r="Z23" s="68"/>
      <c r="AA23" s="68"/>
      <c r="AB23" s="68"/>
      <c r="AC23" s="68"/>
      <c r="AD23" s="68"/>
      <c r="AE23" s="68"/>
      <c r="AF23" s="68"/>
      <c r="AG23" s="68"/>
      <c r="AH23" s="68"/>
      <c r="AI23" s="68"/>
      <c r="AJ23" s="68"/>
      <c r="AK23" s="64"/>
      <c r="AL23" s="64"/>
    </row>
    <row r="24" spans="1:38" s="69" customFormat="1">
      <c r="A24" s="65"/>
      <c r="B24" s="65"/>
      <c r="C24" s="66"/>
      <c r="D24" s="67" t="s">
        <v>273</v>
      </c>
      <c r="E24" s="66"/>
      <c r="F24" s="66"/>
      <c r="G24" s="66"/>
      <c r="H24" s="66"/>
      <c r="I24" s="66"/>
      <c r="J24" s="66"/>
      <c r="K24" s="66"/>
      <c r="L24" s="66"/>
      <c r="M24" s="66"/>
      <c r="N24" s="66"/>
      <c r="O24" s="66"/>
      <c r="P24" s="66"/>
      <c r="Q24" s="66"/>
      <c r="R24" s="66"/>
      <c r="S24" s="66"/>
      <c r="T24" s="66"/>
      <c r="U24" s="66"/>
      <c r="V24" s="66"/>
      <c r="W24" s="68"/>
      <c r="X24" s="68"/>
      <c r="Y24" s="68"/>
      <c r="Z24" s="68"/>
      <c r="AA24" s="68"/>
      <c r="AB24" s="68"/>
      <c r="AC24" s="68"/>
      <c r="AD24" s="68"/>
      <c r="AE24" s="68"/>
      <c r="AF24" s="68"/>
      <c r="AG24" s="68"/>
      <c r="AH24" s="68"/>
      <c r="AI24" s="68"/>
      <c r="AJ24" s="68"/>
      <c r="AK24" s="64"/>
      <c r="AL24" s="64"/>
    </row>
    <row r="25" spans="1:38" s="69" customFormat="1">
      <c r="A25" s="65"/>
      <c r="B25" s="65"/>
      <c r="C25" s="66"/>
      <c r="D25" s="67" t="s">
        <v>276</v>
      </c>
      <c r="E25" s="66"/>
      <c r="F25" s="66"/>
      <c r="G25" s="66"/>
      <c r="H25" s="66"/>
      <c r="I25" s="66"/>
      <c r="J25" s="66"/>
      <c r="K25" s="66"/>
      <c r="L25" s="66"/>
      <c r="M25" s="66"/>
      <c r="N25" s="66"/>
      <c r="O25" s="66"/>
      <c r="P25" s="66"/>
      <c r="Q25" s="66"/>
      <c r="R25" s="66"/>
      <c r="S25" s="66"/>
      <c r="T25" s="66"/>
      <c r="U25" s="66"/>
      <c r="V25" s="66"/>
      <c r="W25" s="68"/>
      <c r="X25" s="68"/>
      <c r="Y25" s="68"/>
      <c r="Z25" s="68"/>
      <c r="AA25" s="68"/>
      <c r="AB25" s="68"/>
      <c r="AC25" s="68"/>
      <c r="AD25" s="68"/>
      <c r="AE25" s="68"/>
      <c r="AF25" s="68"/>
      <c r="AG25" s="68"/>
      <c r="AH25" s="68"/>
      <c r="AI25" s="68"/>
      <c r="AJ25" s="68"/>
      <c r="AK25" s="64"/>
      <c r="AL25" s="64"/>
    </row>
    <row r="26" spans="1:38" s="69" customFormat="1">
      <c r="A26" s="65"/>
      <c r="B26" s="65"/>
      <c r="C26" s="66"/>
      <c r="D26" s="67"/>
      <c r="E26" s="66"/>
      <c r="F26" s="66"/>
      <c r="G26" s="66"/>
      <c r="H26" s="66"/>
      <c r="I26" s="66"/>
      <c r="J26" s="66"/>
      <c r="K26" s="66"/>
      <c r="L26" s="66"/>
      <c r="M26" s="66"/>
      <c r="N26" s="66"/>
      <c r="O26" s="66"/>
      <c r="P26" s="66"/>
      <c r="Q26" s="66"/>
      <c r="R26" s="66"/>
      <c r="S26" s="66"/>
      <c r="T26" s="66"/>
      <c r="U26" s="66"/>
      <c r="V26" s="66"/>
      <c r="W26" s="68"/>
      <c r="X26" s="68"/>
      <c r="Y26" s="68"/>
      <c r="Z26" s="68"/>
      <c r="AA26" s="68"/>
      <c r="AB26" s="68"/>
      <c r="AC26" s="68"/>
      <c r="AD26" s="68"/>
      <c r="AE26" s="68"/>
      <c r="AF26" s="68"/>
      <c r="AG26" s="68"/>
      <c r="AH26" s="68"/>
      <c r="AI26" s="68"/>
      <c r="AJ26" s="68"/>
      <c r="AK26" s="64"/>
      <c r="AL26" s="64"/>
    </row>
    <row r="27" spans="1:38" s="69" customFormat="1">
      <c r="A27" s="65"/>
      <c r="B27" s="65"/>
      <c r="C27" s="66"/>
      <c r="D27" s="583" t="s">
        <v>401</v>
      </c>
      <c r="E27" s="588"/>
      <c r="F27" s="588"/>
      <c r="G27" s="588"/>
      <c r="H27" s="588"/>
      <c r="I27" s="588"/>
      <c r="J27" s="588"/>
      <c r="K27" s="588"/>
      <c r="L27" s="588"/>
      <c r="M27" s="588"/>
      <c r="N27" s="588"/>
      <c r="O27" s="588"/>
      <c r="P27" s="588"/>
      <c r="Q27" s="588"/>
      <c r="R27" s="588"/>
      <c r="S27" s="588"/>
      <c r="T27" s="588"/>
      <c r="U27" s="588"/>
      <c r="V27" s="588"/>
      <c r="W27" s="588"/>
      <c r="X27" s="588"/>
      <c r="Y27" s="588"/>
      <c r="Z27" s="588"/>
      <c r="AA27" s="588"/>
      <c r="AB27" s="588"/>
      <c r="AC27" s="588"/>
      <c r="AD27" s="588"/>
      <c r="AE27" s="588"/>
      <c r="AF27" s="588"/>
      <c r="AG27" s="588"/>
      <c r="AH27" s="588"/>
      <c r="AI27" s="588"/>
      <c r="AJ27" s="588"/>
      <c r="AK27" s="588"/>
      <c r="AL27" s="588"/>
    </row>
    <row r="28" spans="1:38" s="69" customFormat="1">
      <c r="A28" s="65"/>
      <c r="B28" s="65"/>
      <c r="C28" s="66"/>
      <c r="D28" s="67" t="s">
        <v>277</v>
      </c>
      <c r="E28" s="66"/>
      <c r="F28" s="66"/>
      <c r="G28" s="66"/>
      <c r="H28" s="66"/>
      <c r="I28" s="66"/>
      <c r="J28" s="66"/>
      <c r="K28" s="66"/>
      <c r="L28" s="66"/>
      <c r="M28" s="66"/>
      <c r="N28" s="66"/>
      <c r="O28" s="66"/>
      <c r="P28" s="66"/>
      <c r="Q28" s="66"/>
      <c r="R28" s="66"/>
      <c r="S28" s="66"/>
      <c r="T28" s="66"/>
      <c r="U28" s="66"/>
      <c r="V28" s="66"/>
      <c r="W28" s="68"/>
      <c r="X28" s="68"/>
      <c r="Y28" s="68"/>
      <c r="Z28" s="68"/>
      <c r="AA28" s="68"/>
      <c r="AB28" s="68"/>
      <c r="AC28" s="68"/>
      <c r="AD28" s="68"/>
      <c r="AE28" s="68"/>
      <c r="AF28" s="68"/>
      <c r="AG28" s="68"/>
      <c r="AH28" s="68"/>
      <c r="AI28" s="68"/>
      <c r="AJ28" s="68"/>
      <c r="AK28" s="64"/>
      <c r="AL28" s="64"/>
    </row>
    <row r="29" spans="1:38" s="69" customFormat="1">
      <c r="A29" s="65"/>
      <c r="B29" s="65"/>
      <c r="C29" s="66"/>
      <c r="D29" s="67"/>
      <c r="E29" s="66"/>
      <c r="F29" s="66"/>
      <c r="G29" s="66"/>
      <c r="H29" s="66"/>
      <c r="I29" s="66"/>
      <c r="J29" s="66"/>
      <c r="K29" s="66"/>
      <c r="L29" s="66"/>
      <c r="M29" s="66"/>
      <c r="N29" s="66"/>
      <c r="O29" s="66"/>
      <c r="P29" s="66"/>
      <c r="Q29" s="66"/>
      <c r="R29" s="66"/>
      <c r="S29" s="66"/>
      <c r="T29" s="66"/>
      <c r="U29" s="66"/>
      <c r="V29" s="66"/>
      <c r="W29" s="68"/>
      <c r="X29" s="68"/>
      <c r="Y29" s="68"/>
      <c r="Z29" s="68"/>
      <c r="AA29" s="68"/>
      <c r="AB29" s="68"/>
      <c r="AC29" s="68"/>
      <c r="AD29" s="68"/>
      <c r="AE29" s="68"/>
      <c r="AF29" s="68"/>
      <c r="AG29" s="68"/>
      <c r="AH29" s="68"/>
      <c r="AI29" s="68"/>
      <c r="AJ29" s="68"/>
      <c r="AK29" s="64"/>
      <c r="AL29" s="64"/>
    </row>
    <row r="30" spans="1:38" s="69" customFormat="1">
      <c r="A30" s="65"/>
      <c r="B30" s="65"/>
      <c r="C30" s="66"/>
      <c r="D30" s="67" t="s">
        <v>665</v>
      </c>
      <c r="E30" s="66"/>
      <c r="F30" s="66"/>
      <c r="G30" s="66"/>
      <c r="H30" s="66"/>
      <c r="I30" s="66"/>
      <c r="J30" s="66"/>
      <c r="K30" s="66"/>
      <c r="L30" s="66"/>
      <c r="M30" s="66"/>
      <c r="N30" s="66"/>
      <c r="O30" s="66"/>
      <c r="P30" s="66"/>
      <c r="Q30" s="66"/>
      <c r="R30" s="66"/>
      <c r="S30" s="66"/>
      <c r="T30" s="66"/>
      <c r="U30" s="66"/>
      <c r="V30" s="66"/>
      <c r="W30" s="68"/>
      <c r="X30" s="68"/>
      <c r="Y30" s="68"/>
      <c r="Z30" s="68"/>
      <c r="AA30" s="68"/>
      <c r="AB30" s="68"/>
      <c r="AC30" s="68"/>
      <c r="AD30" s="68"/>
      <c r="AE30" s="68"/>
      <c r="AF30" s="68"/>
      <c r="AG30" s="68"/>
      <c r="AH30" s="68"/>
      <c r="AI30" s="68"/>
      <c r="AJ30" s="68"/>
      <c r="AK30" s="64"/>
      <c r="AL30" s="64"/>
    </row>
    <row r="31" spans="1:38" s="69" customFormat="1">
      <c r="A31" s="65"/>
      <c r="B31" s="65"/>
      <c r="C31" s="66"/>
      <c r="D31" s="67" t="s">
        <v>666</v>
      </c>
      <c r="E31" s="66"/>
      <c r="F31" s="66"/>
      <c r="G31" s="66"/>
      <c r="H31" s="66"/>
      <c r="I31" s="66"/>
      <c r="J31" s="66"/>
      <c r="K31" s="66"/>
      <c r="L31" s="66"/>
      <c r="M31" s="66"/>
      <c r="N31" s="66"/>
      <c r="O31" s="66"/>
      <c r="P31" s="66"/>
      <c r="Q31" s="66"/>
      <c r="R31" s="66"/>
      <c r="S31" s="66"/>
      <c r="T31" s="66"/>
      <c r="U31" s="66"/>
      <c r="V31" s="66"/>
      <c r="W31" s="68"/>
      <c r="X31" s="68"/>
      <c r="Y31" s="68"/>
      <c r="Z31" s="68"/>
      <c r="AA31" s="68"/>
      <c r="AB31" s="68"/>
      <c r="AC31" s="68"/>
      <c r="AD31" s="68"/>
      <c r="AE31" s="68"/>
      <c r="AF31" s="68"/>
      <c r="AG31" s="68"/>
      <c r="AH31" s="68"/>
      <c r="AI31" s="68"/>
      <c r="AJ31" s="68"/>
      <c r="AK31" s="64"/>
      <c r="AL31" s="64"/>
    </row>
    <row r="32" spans="1:38" s="69" customFormat="1">
      <c r="A32" s="65"/>
      <c r="B32" s="65"/>
      <c r="C32" s="66"/>
      <c r="D32" s="67" t="s">
        <v>402</v>
      </c>
      <c r="E32" s="66"/>
      <c r="F32" s="66"/>
      <c r="G32" s="66"/>
      <c r="H32" s="66"/>
      <c r="I32" s="66"/>
      <c r="J32" s="66"/>
      <c r="K32" s="66"/>
      <c r="L32" s="66"/>
      <c r="M32" s="66"/>
      <c r="N32" s="66"/>
      <c r="O32" s="66"/>
      <c r="P32" s="66"/>
      <c r="Q32" s="66"/>
      <c r="R32" s="66"/>
      <c r="S32" s="66"/>
      <c r="T32" s="66"/>
      <c r="U32" s="66"/>
      <c r="V32" s="66"/>
      <c r="W32" s="68"/>
      <c r="X32" s="68"/>
      <c r="Y32" s="68"/>
      <c r="Z32" s="68"/>
      <c r="AA32" s="68"/>
      <c r="AB32" s="68"/>
      <c r="AC32" s="68"/>
      <c r="AD32" s="68"/>
      <c r="AE32" s="68"/>
      <c r="AF32" s="68"/>
      <c r="AG32" s="68"/>
      <c r="AH32" s="68"/>
      <c r="AI32" s="68"/>
      <c r="AJ32" s="68"/>
      <c r="AK32" s="64"/>
      <c r="AL32" s="64"/>
    </row>
    <row r="33" spans="1:38" s="69" customFormat="1">
      <c r="A33" s="65"/>
      <c r="B33" s="65"/>
      <c r="C33" s="66"/>
      <c r="D33" s="67"/>
      <c r="E33" s="66"/>
      <c r="F33" s="66"/>
      <c r="G33" s="66"/>
      <c r="H33" s="66"/>
      <c r="I33" s="66"/>
      <c r="J33" s="66"/>
      <c r="K33" s="66"/>
      <c r="L33" s="66"/>
      <c r="M33" s="66"/>
      <c r="N33" s="66"/>
      <c r="O33" s="66"/>
      <c r="P33" s="66"/>
      <c r="Q33" s="66"/>
      <c r="R33" s="66"/>
      <c r="S33" s="66"/>
      <c r="T33" s="66"/>
      <c r="U33" s="66"/>
      <c r="V33" s="66"/>
      <c r="W33" s="68"/>
      <c r="X33" s="68"/>
      <c r="Y33" s="68"/>
      <c r="Z33" s="68"/>
      <c r="AA33" s="68"/>
      <c r="AB33" s="68"/>
      <c r="AC33" s="68"/>
      <c r="AD33" s="68"/>
      <c r="AE33" s="68"/>
      <c r="AF33" s="68"/>
      <c r="AG33" s="68"/>
      <c r="AH33" s="68"/>
      <c r="AI33" s="68"/>
      <c r="AJ33" s="68"/>
      <c r="AK33" s="64"/>
      <c r="AL33" s="64"/>
    </row>
    <row r="34" spans="1:38" s="69" customFormat="1">
      <c r="A34" s="65"/>
      <c r="B34" s="65"/>
      <c r="C34" s="66"/>
      <c r="D34" s="67" t="s">
        <v>403</v>
      </c>
      <c r="E34" s="66"/>
      <c r="F34" s="66"/>
      <c r="G34" s="66"/>
      <c r="H34" s="66"/>
      <c r="I34" s="66"/>
      <c r="J34" s="66"/>
      <c r="K34" s="66"/>
      <c r="L34" s="66"/>
      <c r="M34" s="66"/>
      <c r="N34" s="66"/>
      <c r="O34" s="66"/>
      <c r="P34" s="66"/>
      <c r="Q34" s="66"/>
      <c r="R34" s="66"/>
      <c r="S34" s="66"/>
      <c r="T34" s="66"/>
      <c r="U34" s="66"/>
      <c r="V34" s="66"/>
      <c r="W34" s="68"/>
      <c r="X34" s="68"/>
      <c r="Y34" s="68"/>
      <c r="Z34" s="68"/>
      <c r="AA34" s="68"/>
      <c r="AB34" s="68"/>
      <c r="AC34" s="68"/>
      <c r="AD34" s="68"/>
      <c r="AE34" s="68"/>
      <c r="AF34" s="68"/>
      <c r="AG34" s="68"/>
      <c r="AH34" s="68"/>
      <c r="AI34" s="68"/>
      <c r="AJ34" s="68"/>
      <c r="AK34" s="64"/>
      <c r="AL34" s="64"/>
    </row>
    <row r="35" spans="1:38" s="69" customFormat="1">
      <c r="A35" s="65"/>
      <c r="B35" s="65"/>
      <c r="C35" s="66"/>
      <c r="D35" s="67" t="s">
        <v>667</v>
      </c>
      <c r="E35" s="66"/>
      <c r="F35" s="66"/>
      <c r="G35" s="66"/>
      <c r="H35" s="66"/>
      <c r="I35" s="66"/>
      <c r="J35" s="66"/>
      <c r="K35" s="66"/>
      <c r="L35" s="66"/>
      <c r="M35" s="66"/>
      <c r="N35" s="66"/>
      <c r="O35" s="66"/>
      <c r="P35" s="66"/>
      <c r="Q35" s="66"/>
      <c r="R35" s="66"/>
      <c r="S35" s="66"/>
      <c r="T35" s="66"/>
      <c r="U35" s="66"/>
      <c r="V35" s="66"/>
      <c r="W35" s="68"/>
      <c r="X35" s="68"/>
      <c r="Y35" s="68"/>
      <c r="Z35" s="68"/>
      <c r="AA35" s="68"/>
      <c r="AB35" s="68"/>
      <c r="AC35" s="68"/>
      <c r="AD35" s="68"/>
      <c r="AE35" s="68"/>
      <c r="AF35" s="68"/>
      <c r="AG35" s="68"/>
      <c r="AH35" s="68"/>
      <c r="AI35" s="68"/>
      <c r="AJ35" s="68"/>
      <c r="AK35" s="64"/>
      <c r="AL35" s="64"/>
    </row>
    <row r="36" spans="1:38" s="69" customFormat="1">
      <c r="A36" s="65"/>
      <c r="B36" s="65"/>
      <c r="C36" s="66"/>
      <c r="D36" s="67"/>
      <c r="E36" s="66"/>
      <c r="F36" s="66"/>
      <c r="G36" s="66"/>
      <c r="H36" s="66"/>
      <c r="I36" s="66"/>
      <c r="J36" s="66"/>
      <c r="K36" s="66"/>
      <c r="L36" s="66"/>
      <c r="M36" s="66"/>
      <c r="N36" s="66"/>
      <c r="O36" s="66"/>
      <c r="P36" s="66"/>
      <c r="Q36" s="66"/>
      <c r="R36" s="66"/>
      <c r="S36" s="66"/>
      <c r="T36" s="66"/>
      <c r="U36" s="66"/>
      <c r="V36" s="66"/>
      <c r="W36" s="68"/>
      <c r="X36" s="68"/>
      <c r="Y36" s="68"/>
      <c r="Z36" s="68"/>
      <c r="AA36" s="68"/>
      <c r="AB36" s="68"/>
      <c r="AC36" s="68"/>
      <c r="AD36" s="68"/>
      <c r="AE36" s="68"/>
      <c r="AF36" s="68"/>
      <c r="AG36" s="68"/>
      <c r="AH36" s="68"/>
      <c r="AI36" s="68"/>
      <c r="AJ36" s="68"/>
      <c r="AK36" s="64"/>
      <c r="AL36" s="64"/>
    </row>
    <row r="37" spans="1:38" s="69" customFormat="1">
      <c r="A37" s="65"/>
      <c r="B37" s="65"/>
      <c r="C37" s="66"/>
      <c r="D37" s="67" t="s">
        <v>404</v>
      </c>
      <c r="E37" s="66"/>
      <c r="F37" s="66"/>
      <c r="G37" s="66"/>
      <c r="H37" s="66"/>
      <c r="I37" s="66"/>
      <c r="J37" s="66"/>
      <c r="K37" s="66"/>
      <c r="L37" s="66"/>
      <c r="M37" s="66"/>
      <c r="N37" s="66"/>
      <c r="O37" s="66"/>
      <c r="P37" s="66"/>
      <c r="Q37" s="66"/>
      <c r="R37" s="66"/>
      <c r="S37" s="66"/>
      <c r="T37" s="66"/>
      <c r="U37" s="66"/>
      <c r="V37" s="66"/>
      <c r="W37" s="68"/>
      <c r="X37" s="68"/>
      <c r="Y37" s="68"/>
      <c r="Z37" s="68"/>
      <c r="AA37" s="68"/>
      <c r="AB37" s="68"/>
      <c r="AC37" s="68"/>
      <c r="AD37" s="68"/>
      <c r="AE37" s="68"/>
      <c r="AF37" s="68"/>
      <c r="AG37" s="68"/>
      <c r="AH37" s="68"/>
      <c r="AI37" s="68"/>
      <c r="AJ37" s="68"/>
      <c r="AK37" s="64"/>
      <c r="AL37" s="64"/>
    </row>
    <row r="38" spans="1:38" s="69" customFormat="1">
      <c r="A38" s="65"/>
      <c r="B38" s="65"/>
      <c r="C38" s="66"/>
      <c r="D38" s="67" t="s">
        <v>668</v>
      </c>
      <c r="E38" s="66"/>
      <c r="F38" s="66"/>
      <c r="G38" s="66"/>
      <c r="H38" s="66"/>
      <c r="I38" s="66"/>
      <c r="J38" s="66"/>
      <c r="K38" s="66"/>
      <c r="L38" s="66"/>
      <c r="M38" s="66"/>
      <c r="N38" s="66"/>
      <c r="O38" s="66"/>
      <c r="P38" s="66"/>
      <c r="Q38" s="66"/>
      <c r="R38" s="66"/>
      <c r="S38" s="66"/>
      <c r="T38" s="66"/>
      <c r="U38" s="66"/>
      <c r="V38" s="66"/>
      <c r="W38" s="68"/>
      <c r="X38" s="68"/>
      <c r="Y38" s="68"/>
      <c r="Z38" s="68"/>
      <c r="AA38" s="68"/>
      <c r="AB38" s="68"/>
      <c r="AC38" s="68"/>
      <c r="AD38" s="68"/>
      <c r="AE38" s="68"/>
      <c r="AF38" s="68"/>
      <c r="AG38" s="68"/>
      <c r="AH38" s="68"/>
      <c r="AI38" s="68"/>
      <c r="AJ38" s="68"/>
      <c r="AK38" s="64"/>
      <c r="AL38" s="64"/>
    </row>
    <row r="39" spans="1:38" s="69" customFormat="1">
      <c r="A39" s="65"/>
      <c r="B39" s="65"/>
      <c r="C39" s="66"/>
      <c r="D39" s="67"/>
      <c r="E39" s="66"/>
      <c r="F39" s="66"/>
      <c r="G39" s="66"/>
      <c r="H39" s="66"/>
      <c r="I39" s="66"/>
      <c r="J39" s="66"/>
      <c r="K39" s="66"/>
      <c r="L39" s="66"/>
      <c r="M39" s="66"/>
      <c r="N39" s="66"/>
      <c r="O39" s="66"/>
      <c r="P39" s="66"/>
      <c r="Q39" s="66"/>
      <c r="R39" s="66"/>
      <c r="S39" s="66"/>
      <c r="T39" s="66"/>
      <c r="U39" s="66"/>
      <c r="V39" s="66"/>
      <c r="W39" s="68"/>
      <c r="X39" s="68"/>
      <c r="Y39" s="68"/>
      <c r="Z39" s="68"/>
      <c r="AA39" s="68"/>
      <c r="AB39" s="68"/>
      <c r="AC39" s="68"/>
      <c r="AD39" s="68"/>
      <c r="AE39" s="68"/>
      <c r="AF39" s="68"/>
      <c r="AG39" s="68"/>
      <c r="AH39" s="68"/>
      <c r="AI39" s="68"/>
      <c r="AJ39" s="68"/>
      <c r="AK39" s="64"/>
      <c r="AL39" s="64"/>
    </row>
    <row r="40" spans="1:38" s="69" customFormat="1">
      <c r="A40" s="65"/>
      <c r="B40" s="65"/>
      <c r="C40" s="66"/>
      <c r="D40" s="67" t="s">
        <v>405</v>
      </c>
      <c r="E40" s="66"/>
      <c r="F40" s="66"/>
      <c r="G40" s="66"/>
      <c r="H40" s="66"/>
      <c r="I40" s="66"/>
      <c r="J40" s="66"/>
      <c r="K40" s="66"/>
      <c r="L40" s="66"/>
      <c r="M40" s="66"/>
      <c r="N40" s="66"/>
      <c r="O40" s="66"/>
      <c r="P40" s="66"/>
      <c r="Q40" s="66"/>
      <c r="R40" s="66"/>
      <c r="S40" s="66"/>
      <c r="T40" s="66"/>
      <c r="U40" s="66"/>
      <c r="V40" s="66"/>
      <c r="W40" s="68"/>
      <c r="X40" s="68"/>
      <c r="Y40" s="68"/>
      <c r="Z40" s="68"/>
      <c r="AA40" s="68"/>
      <c r="AB40" s="68"/>
      <c r="AC40" s="68"/>
      <c r="AD40" s="68"/>
      <c r="AE40" s="68"/>
      <c r="AF40" s="68"/>
      <c r="AG40" s="68"/>
      <c r="AH40" s="68"/>
      <c r="AI40" s="68"/>
      <c r="AJ40" s="68"/>
      <c r="AK40" s="64"/>
      <c r="AL40" s="64"/>
    </row>
    <row r="41" spans="1:38" s="69" customFormat="1">
      <c r="A41" s="65"/>
      <c r="B41" s="65"/>
      <c r="C41" s="66"/>
      <c r="D41" s="67" t="s">
        <v>278</v>
      </c>
      <c r="E41" s="66"/>
      <c r="F41" s="66"/>
      <c r="G41" s="66"/>
      <c r="H41" s="66"/>
      <c r="I41" s="66"/>
      <c r="J41" s="66"/>
      <c r="K41" s="66"/>
      <c r="L41" s="66"/>
      <c r="M41" s="66"/>
      <c r="N41" s="66"/>
      <c r="O41" s="66"/>
      <c r="P41" s="66"/>
      <c r="Q41" s="66"/>
      <c r="R41" s="66"/>
      <c r="S41" s="66"/>
      <c r="T41" s="66"/>
      <c r="U41" s="66"/>
      <c r="V41" s="66"/>
      <c r="W41" s="68"/>
      <c r="X41" s="68"/>
      <c r="Y41" s="68"/>
      <c r="Z41" s="68"/>
      <c r="AA41" s="68"/>
      <c r="AB41" s="68"/>
      <c r="AC41" s="68"/>
      <c r="AD41" s="68"/>
      <c r="AE41" s="68"/>
      <c r="AF41" s="68"/>
      <c r="AG41" s="68"/>
      <c r="AH41" s="68"/>
      <c r="AI41" s="68"/>
      <c r="AJ41" s="68"/>
      <c r="AK41" s="64"/>
      <c r="AL41" s="64"/>
    </row>
    <row r="42" spans="1:38" s="69" customFormat="1">
      <c r="A42" s="65"/>
      <c r="B42" s="65"/>
      <c r="C42" s="66"/>
      <c r="D42" s="67"/>
      <c r="E42" s="66"/>
      <c r="F42" s="66"/>
      <c r="G42" s="66"/>
      <c r="H42" s="66"/>
      <c r="I42" s="66"/>
      <c r="J42" s="66"/>
      <c r="K42" s="66"/>
      <c r="L42" s="66"/>
      <c r="M42" s="66"/>
      <c r="N42" s="66"/>
      <c r="O42" s="66"/>
      <c r="P42" s="66"/>
      <c r="Q42" s="66"/>
      <c r="R42" s="66"/>
      <c r="S42" s="66"/>
      <c r="T42" s="66"/>
      <c r="U42" s="66"/>
      <c r="V42" s="66"/>
      <c r="W42" s="68"/>
      <c r="X42" s="68"/>
      <c r="Y42" s="68"/>
      <c r="Z42" s="68"/>
      <c r="AA42" s="68"/>
      <c r="AB42" s="68"/>
      <c r="AC42" s="68"/>
      <c r="AD42" s="68"/>
      <c r="AE42" s="68"/>
      <c r="AF42" s="68"/>
      <c r="AG42" s="68"/>
      <c r="AH42" s="68"/>
      <c r="AI42" s="68"/>
      <c r="AJ42" s="68"/>
      <c r="AK42" s="64"/>
      <c r="AL42" s="64"/>
    </row>
    <row r="43" spans="1:38" s="69" customFormat="1">
      <c r="A43" s="65"/>
      <c r="B43" s="65"/>
      <c r="C43" s="66"/>
      <c r="D43" s="67" t="s">
        <v>406</v>
      </c>
      <c r="E43" s="66"/>
      <c r="F43" s="66"/>
      <c r="G43" s="66"/>
      <c r="H43" s="66"/>
      <c r="I43" s="66"/>
      <c r="J43" s="66"/>
      <c r="K43" s="66"/>
      <c r="L43" s="66"/>
      <c r="M43" s="66"/>
      <c r="N43" s="66"/>
      <c r="O43" s="66"/>
      <c r="P43" s="66"/>
      <c r="Q43" s="66"/>
      <c r="R43" s="66"/>
      <c r="S43" s="66"/>
      <c r="T43" s="66"/>
      <c r="U43" s="66"/>
      <c r="V43" s="66"/>
      <c r="W43" s="68"/>
      <c r="X43" s="68"/>
      <c r="Y43" s="68"/>
      <c r="Z43" s="68"/>
      <c r="AA43" s="68"/>
      <c r="AB43" s="68"/>
      <c r="AC43" s="68"/>
      <c r="AD43" s="68"/>
      <c r="AE43" s="68"/>
      <c r="AF43" s="68"/>
      <c r="AG43" s="68"/>
      <c r="AH43" s="68"/>
      <c r="AI43" s="68"/>
      <c r="AJ43" s="68"/>
      <c r="AK43" s="64"/>
      <c r="AL43" s="64"/>
    </row>
    <row r="44" spans="1:38" s="69" customFormat="1">
      <c r="A44" s="65"/>
      <c r="B44" s="65"/>
      <c r="C44" s="66"/>
      <c r="D44" s="67" t="s">
        <v>669</v>
      </c>
      <c r="E44" s="66"/>
      <c r="F44" s="66"/>
      <c r="G44" s="66"/>
      <c r="H44" s="66"/>
      <c r="I44" s="66"/>
      <c r="J44" s="66"/>
      <c r="K44" s="66"/>
      <c r="L44" s="66"/>
      <c r="M44" s="66"/>
      <c r="N44" s="66"/>
      <c r="O44" s="66"/>
      <c r="P44" s="66"/>
      <c r="Q44" s="66"/>
      <c r="R44" s="66"/>
      <c r="S44" s="66"/>
      <c r="T44" s="66"/>
      <c r="U44" s="66"/>
      <c r="V44" s="66"/>
      <c r="W44" s="68"/>
      <c r="X44" s="68"/>
      <c r="Y44" s="68"/>
      <c r="Z44" s="68"/>
      <c r="AA44" s="68"/>
      <c r="AB44" s="68"/>
      <c r="AC44" s="68"/>
      <c r="AD44" s="68"/>
      <c r="AE44" s="68"/>
      <c r="AF44" s="68"/>
      <c r="AG44" s="68"/>
      <c r="AH44" s="68"/>
      <c r="AI44" s="68"/>
      <c r="AJ44" s="68"/>
      <c r="AK44" s="64"/>
      <c r="AL44" s="64"/>
    </row>
    <row r="45" spans="1:38" s="69" customFormat="1">
      <c r="A45" s="65"/>
      <c r="B45" s="65"/>
      <c r="C45" s="66"/>
      <c r="D45" s="67"/>
      <c r="E45" s="66"/>
      <c r="F45" s="66"/>
      <c r="G45" s="66"/>
      <c r="H45" s="66"/>
      <c r="I45" s="66"/>
      <c r="J45" s="66"/>
      <c r="K45" s="66"/>
      <c r="L45" s="66"/>
      <c r="M45" s="66"/>
      <c r="N45" s="66"/>
      <c r="O45" s="66"/>
      <c r="P45" s="66"/>
      <c r="Q45" s="66"/>
      <c r="R45" s="66"/>
      <c r="S45" s="66"/>
      <c r="T45" s="66"/>
      <c r="U45" s="66"/>
      <c r="V45" s="66"/>
      <c r="W45" s="68"/>
      <c r="X45" s="68"/>
      <c r="Y45" s="68"/>
      <c r="Z45" s="68"/>
      <c r="AA45" s="68"/>
      <c r="AB45" s="68"/>
      <c r="AC45" s="68"/>
      <c r="AD45" s="68"/>
      <c r="AE45" s="68"/>
      <c r="AF45" s="68"/>
      <c r="AG45" s="68"/>
      <c r="AH45" s="68"/>
      <c r="AI45" s="68"/>
      <c r="AJ45" s="68"/>
      <c r="AK45" s="64"/>
      <c r="AL45" s="64"/>
    </row>
    <row r="46" spans="1:38" s="69" customFormat="1">
      <c r="A46" s="65"/>
      <c r="B46" s="65"/>
      <c r="C46" s="66"/>
      <c r="D46" s="67" t="s">
        <v>407</v>
      </c>
      <c r="E46" s="66"/>
      <c r="F46" s="66"/>
      <c r="G46" s="66"/>
      <c r="H46" s="66"/>
      <c r="I46" s="66"/>
      <c r="J46" s="66"/>
      <c r="K46" s="66"/>
      <c r="L46" s="66"/>
      <c r="M46" s="66"/>
      <c r="N46" s="66"/>
      <c r="O46" s="66"/>
      <c r="P46" s="66"/>
      <c r="Q46" s="66"/>
      <c r="R46" s="66"/>
      <c r="S46" s="66"/>
      <c r="T46" s="66"/>
      <c r="U46" s="66"/>
      <c r="V46" s="66"/>
      <c r="W46" s="68"/>
      <c r="X46" s="68"/>
      <c r="Y46" s="68"/>
      <c r="Z46" s="68"/>
      <c r="AA46" s="68"/>
      <c r="AB46" s="68"/>
      <c r="AC46" s="68"/>
      <c r="AD46" s="68"/>
      <c r="AE46" s="68"/>
      <c r="AF46" s="68"/>
      <c r="AG46" s="68"/>
      <c r="AH46" s="68"/>
      <c r="AI46" s="68"/>
      <c r="AJ46" s="68"/>
      <c r="AK46" s="64"/>
      <c r="AL46" s="64"/>
    </row>
    <row r="47" spans="1:38" s="69" customFormat="1">
      <c r="A47" s="65"/>
      <c r="B47" s="65"/>
      <c r="C47" s="66"/>
      <c r="D47" s="67" t="s">
        <v>670</v>
      </c>
      <c r="E47" s="66"/>
      <c r="F47" s="66"/>
      <c r="G47" s="66"/>
      <c r="H47" s="66"/>
      <c r="I47" s="66"/>
      <c r="J47" s="66"/>
      <c r="K47" s="66"/>
      <c r="L47" s="66"/>
      <c r="M47" s="66"/>
      <c r="N47" s="66"/>
      <c r="O47" s="66"/>
      <c r="P47" s="66"/>
      <c r="Q47" s="66"/>
      <c r="R47" s="66"/>
      <c r="S47" s="66"/>
      <c r="T47" s="66"/>
      <c r="U47" s="66"/>
      <c r="V47" s="66"/>
      <c r="W47" s="68"/>
      <c r="X47" s="68"/>
      <c r="Y47" s="68"/>
      <c r="Z47" s="68"/>
      <c r="AA47" s="68"/>
      <c r="AB47" s="68"/>
      <c r="AC47" s="68"/>
      <c r="AD47" s="68"/>
      <c r="AE47" s="68"/>
      <c r="AF47" s="68"/>
      <c r="AG47" s="68"/>
      <c r="AH47" s="68"/>
      <c r="AI47" s="68"/>
      <c r="AJ47" s="68"/>
      <c r="AK47" s="64"/>
      <c r="AL47" s="64"/>
    </row>
    <row r="48" spans="1:38" s="69" customFormat="1">
      <c r="A48" s="65"/>
      <c r="B48" s="65"/>
      <c r="C48" s="66"/>
      <c r="D48" s="67"/>
      <c r="E48" s="66"/>
      <c r="F48" s="66"/>
      <c r="G48" s="66"/>
      <c r="H48" s="66"/>
      <c r="I48" s="66"/>
      <c r="J48" s="66"/>
      <c r="K48" s="66"/>
      <c r="L48" s="66"/>
      <c r="M48" s="66"/>
      <c r="N48" s="66"/>
      <c r="O48" s="66"/>
      <c r="P48" s="66"/>
      <c r="Q48" s="66"/>
      <c r="R48" s="66"/>
      <c r="S48" s="66"/>
      <c r="T48" s="66"/>
      <c r="U48" s="66"/>
      <c r="V48" s="66"/>
      <c r="W48" s="68"/>
      <c r="X48" s="68"/>
      <c r="Y48" s="68"/>
      <c r="Z48" s="68"/>
      <c r="AA48" s="68"/>
      <c r="AB48" s="68"/>
      <c r="AC48" s="68"/>
      <c r="AD48" s="68"/>
      <c r="AE48" s="68"/>
      <c r="AF48" s="68"/>
      <c r="AG48" s="68"/>
      <c r="AH48" s="68"/>
      <c r="AI48" s="68"/>
      <c r="AJ48" s="68"/>
      <c r="AK48" s="64"/>
      <c r="AL48" s="64"/>
    </row>
    <row r="49" spans="1:38" s="69" customFormat="1" ht="14">
      <c r="A49" s="65"/>
      <c r="B49" s="65"/>
      <c r="C49" s="66"/>
      <c r="D49" s="583" t="s">
        <v>671</v>
      </c>
      <c r="E49" s="584"/>
      <c r="F49" s="584"/>
      <c r="G49" s="584"/>
      <c r="H49" s="584"/>
      <c r="I49" s="584"/>
      <c r="J49" s="584"/>
      <c r="K49" s="584"/>
      <c r="L49" s="584"/>
      <c r="M49" s="584"/>
      <c r="N49" s="584"/>
      <c r="O49" s="584"/>
      <c r="P49" s="584"/>
      <c r="Q49" s="584"/>
      <c r="R49" s="584"/>
      <c r="S49" s="584"/>
      <c r="T49" s="584"/>
      <c r="U49" s="584"/>
      <c r="V49" s="584"/>
      <c r="W49" s="584"/>
      <c r="X49" s="584"/>
      <c r="Y49" s="584"/>
      <c r="Z49" s="584"/>
      <c r="AA49" s="584"/>
      <c r="AB49" s="584"/>
      <c r="AC49" s="584"/>
      <c r="AD49" s="584"/>
      <c r="AE49" s="584"/>
      <c r="AF49" s="584"/>
      <c r="AG49" s="584"/>
      <c r="AH49" s="584"/>
      <c r="AI49" s="584"/>
      <c r="AJ49" s="584"/>
      <c r="AK49" s="584"/>
      <c r="AL49" s="584"/>
    </row>
    <row r="50" spans="1:38" s="69" customFormat="1">
      <c r="A50" s="65"/>
      <c r="B50" s="65"/>
      <c r="C50" s="66"/>
      <c r="D50" s="67" t="s">
        <v>672</v>
      </c>
      <c r="E50" s="66"/>
      <c r="F50" s="66"/>
      <c r="G50" s="66"/>
      <c r="H50" s="66"/>
      <c r="I50" s="66"/>
      <c r="J50" s="66"/>
      <c r="K50" s="66"/>
      <c r="L50" s="66"/>
      <c r="M50" s="66"/>
      <c r="N50" s="66"/>
      <c r="O50" s="66"/>
      <c r="P50" s="66"/>
      <c r="Q50" s="66"/>
      <c r="R50" s="66"/>
      <c r="S50" s="66"/>
      <c r="T50" s="66"/>
      <c r="U50" s="66"/>
      <c r="V50" s="66"/>
      <c r="W50" s="68"/>
      <c r="X50" s="68"/>
      <c r="Y50" s="68"/>
      <c r="Z50" s="68"/>
      <c r="AA50" s="68"/>
      <c r="AB50" s="68"/>
      <c r="AC50" s="68"/>
      <c r="AD50" s="68"/>
      <c r="AE50" s="68"/>
      <c r="AF50" s="68"/>
      <c r="AG50" s="68"/>
      <c r="AH50" s="68"/>
      <c r="AI50" s="68"/>
      <c r="AJ50" s="68"/>
      <c r="AK50" s="64"/>
      <c r="AL50" s="64"/>
    </row>
    <row r="51" spans="1:38" s="69" customFormat="1">
      <c r="A51" s="65"/>
      <c r="B51" s="65"/>
      <c r="C51" s="66"/>
      <c r="D51" s="67"/>
      <c r="E51" s="66"/>
      <c r="F51" s="66"/>
      <c r="G51" s="66"/>
      <c r="H51" s="66"/>
      <c r="I51" s="66"/>
      <c r="J51" s="66"/>
      <c r="K51" s="66"/>
      <c r="L51" s="66"/>
      <c r="M51" s="66"/>
      <c r="N51" s="66"/>
      <c r="O51" s="66"/>
      <c r="P51" s="66"/>
      <c r="Q51" s="66"/>
      <c r="R51" s="66"/>
      <c r="S51" s="66"/>
      <c r="T51" s="66"/>
      <c r="U51" s="66"/>
      <c r="V51" s="66"/>
      <c r="W51" s="68"/>
      <c r="X51" s="68"/>
      <c r="Y51" s="68"/>
      <c r="Z51" s="68"/>
      <c r="AA51" s="68"/>
      <c r="AB51" s="68"/>
      <c r="AC51" s="68"/>
      <c r="AD51" s="68"/>
      <c r="AE51" s="68"/>
      <c r="AF51" s="68"/>
      <c r="AG51" s="68"/>
      <c r="AH51" s="68"/>
      <c r="AI51" s="68"/>
      <c r="AJ51" s="68"/>
      <c r="AK51" s="64"/>
      <c r="AL51" s="64"/>
    </row>
    <row r="52" spans="1:38">
      <c r="A52" s="67"/>
      <c r="D52" s="71" t="s">
        <v>296</v>
      </c>
    </row>
    <row r="53" spans="1:38" ht="14.25" customHeight="1">
      <c r="A53" s="63"/>
      <c r="B53" s="63"/>
      <c r="C53" s="72"/>
      <c r="D53" s="73" t="s">
        <v>297</v>
      </c>
      <c r="E53" s="72"/>
      <c r="F53" s="72"/>
      <c r="G53" s="72"/>
      <c r="H53" s="72"/>
      <c r="I53" s="72"/>
      <c r="J53" s="72"/>
      <c r="K53" s="72"/>
      <c r="L53" s="72"/>
      <c r="M53" s="72"/>
      <c r="N53" s="72"/>
      <c r="O53" s="72"/>
      <c r="P53" s="72"/>
      <c r="Q53" s="72"/>
      <c r="R53" s="72"/>
      <c r="S53" s="72"/>
      <c r="T53" s="72"/>
      <c r="U53" s="72"/>
      <c r="V53" s="72"/>
      <c r="W53" s="72"/>
      <c r="X53" s="72"/>
      <c r="Y53" s="72"/>
      <c r="Z53" s="72"/>
      <c r="AA53" s="72"/>
      <c r="AB53" s="72"/>
      <c r="AC53" s="72"/>
      <c r="AD53" s="72"/>
      <c r="AE53" s="72"/>
      <c r="AF53" s="72"/>
      <c r="AG53" s="72"/>
      <c r="AH53" s="72"/>
      <c r="AI53" s="72"/>
      <c r="AJ53" s="72"/>
      <c r="AK53" s="64"/>
      <c r="AL53" s="64"/>
    </row>
    <row r="54" spans="1:38">
      <c r="A54" s="63"/>
      <c r="B54" s="63"/>
      <c r="C54" s="72"/>
      <c r="D54" s="72"/>
      <c r="E54" s="72"/>
      <c r="F54" s="72"/>
      <c r="G54" s="72"/>
      <c r="H54" s="72"/>
      <c r="I54" s="72"/>
      <c r="J54" s="72"/>
      <c r="K54" s="72"/>
      <c r="L54" s="72"/>
      <c r="M54" s="72"/>
      <c r="N54" s="72"/>
      <c r="O54" s="72"/>
      <c r="P54" s="72"/>
      <c r="Q54" s="72"/>
      <c r="R54" s="72"/>
      <c r="S54" s="72"/>
      <c r="T54" s="72"/>
      <c r="U54" s="72"/>
      <c r="V54" s="72"/>
      <c r="W54" s="72"/>
      <c r="X54" s="72"/>
      <c r="Y54" s="72"/>
      <c r="Z54" s="72"/>
      <c r="AA54" s="72"/>
      <c r="AB54" s="72"/>
      <c r="AC54" s="72"/>
      <c r="AD54" s="72"/>
      <c r="AE54" s="72"/>
      <c r="AF54" s="72"/>
      <c r="AG54" s="72"/>
      <c r="AH54" s="72"/>
      <c r="AI54" s="72"/>
      <c r="AJ54" s="72"/>
      <c r="AK54" s="64"/>
      <c r="AL54" s="64"/>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福祉型障害児入所施設（運営編）</vt:lpstr>
      <vt:lpstr>衛生管理等別紙</vt:lpstr>
      <vt:lpstr>衛生管理等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22T04:33:37Z</cp:lastPrinted>
  <dcterms:created xsi:type="dcterms:W3CDTF">2021-06-18T11:44:24Z</dcterms:created>
  <dcterms:modified xsi:type="dcterms:W3CDTF">2023-06-09T06:02:09Z</dcterms:modified>
</cp:coreProperties>
</file>